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0" r:id="rId4"/>
  </p:sldMasterIdLst>
  <p:sldIdLst>
    <p:sldId id="298" r:id="rId5"/>
    <p:sldId id="302" r:id="rId6"/>
    <p:sldId id="300" r:id="rId7"/>
    <p:sldId id="301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29"/>
    <a:srgbClr val="60B078"/>
    <a:srgbClr val="EBEBE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19" autoAdjust="0"/>
  </p:normalViewPr>
  <p:slideViewPr>
    <p:cSldViewPr snapToGrid="0">
      <p:cViewPr varScale="1">
        <p:scale>
          <a:sx n="83" d="100"/>
          <a:sy n="83" d="100"/>
        </p:scale>
        <p:origin x="614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2C715D6-3E3E-4660-A4AC-811734EA298B}" type="doc">
      <dgm:prSet loTypeId="urn:microsoft.com/office/officeart/2005/8/layout/list1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PH"/>
        </a:p>
      </dgm:t>
    </dgm:pt>
    <dgm:pt modelId="{1613F057-73D1-44D3-A66E-187E992D3C1E}">
      <dgm:prSet phldrT="[Text]"/>
      <dgm:spPr/>
      <dgm:t>
        <a:bodyPr/>
        <a:lstStyle/>
        <a:p>
          <a:r>
            <a:rPr lang="en-US" dirty="0"/>
            <a:t>LCDR RODEL G BARRACA PN</a:t>
          </a:r>
          <a:endParaRPr lang="en-PH" dirty="0"/>
        </a:p>
      </dgm:t>
    </dgm:pt>
    <dgm:pt modelId="{F2CB6D40-0EDB-4828-9FF5-16A545FFD5BD}" type="parTrans" cxnId="{BB37FAF4-38ED-4DC1-A4BF-17B9A53DA034}">
      <dgm:prSet/>
      <dgm:spPr/>
      <dgm:t>
        <a:bodyPr/>
        <a:lstStyle/>
        <a:p>
          <a:endParaRPr lang="en-PH"/>
        </a:p>
      </dgm:t>
    </dgm:pt>
    <dgm:pt modelId="{37860F9F-7D5F-4EB1-8DAB-24D23193D309}" type="sibTrans" cxnId="{BB37FAF4-38ED-4DC1-A4BF-17B9A53DA034}">
      <dgm:prSet/>
      <dgm:spPr/>
      <dgm:t>
        <a:bodyPr/>
        <a:lstStyle/>
        <a:p>
          <a:endParaRPr lang="en-PH"/>
        </a:p>
      </dgm:t>
    </dgm:pt>
    <dgm:pt modelId="{B4F13C60-A3E0-4F40-91DC-DB59ABAD039D}">
      <dgm:prSet phldrT="[Text]"/>
      <dgm:spPr/>
      <dgm:t>
        <a:bodyPr/>
        <a:lstStyle/>
        <a:p>
          <a:r>
            <a:rPr lang="en-US" dirty="0"/>
            <a:t>LT ROSELYN P GONZALES PN</a:t>
          </a:r>
          <a:endParaRPr lang="en-PH" dirty="0"/>
        </a:p>
      </dgm:t>
    </dgm:pt>
    <dgm:pt modelId="{F56F62C1-14A1-4E60-BEE8-8126A9169696}" type="parTrans" cxnId="{B0C5281B-5549-4256-8FF4-E6A3CBA1BDC4}">
      <dgm:prSet/>
      <dgm:spPr/>
      <dgm:t>
        <a:bodyPr/>
        <a:lstStyle/>
        <a:p>
          <a:endParaRPr lang="en-PH"/>
        </a:p>
      </dgm:t>
    </dgm:pt>
    <dgm:pt modelId="{7C7A3A16-13DB-4FD5-B7BB-EFEB9614888E}" type="sibTrans" cxnId="{B0C5281B-5549-4256-8FF4-E6A3CBA1BDC4}">
      <dgm:prSet/>
      <dgm:spPr/>
      <dgm:t>
        <a:bodyPr/>
        <a:lstStyle/>
        <a:p>
          <a:endParaRPr lang="en-PH"/>
        </a:p>
      </dgm:t>
    </dgm:pt>
    <dgm:pt modelId="{EEC72C1A-923A-41B0-97FB-85350292BD07}">
      <dgm:prSet phldrT="[Text]"/>
      <dgm:spPr/>
      <dgm:t>
        <a:bodyPr/>
        <a:lstStyle/>
        <a:p>
          <a:r>
            <a:rPr lang="en-US" dirty="0"/>
            <a:t>LT EDRYAN JOHN M DEQUILLA PN</a:t>
          </a:r>
          <a:endParaRPr lang="en-PH" dirty="0"/>
        </a:p>
      </dgm:t>
    </dgm:pt>
    <dgm:pt modelId="{FDF777AD-18DF-4E6E-A0DD-E657D5ABB50C}" type="parTrans" cxnId="{6C564D8D-EB81-437F-A38A-22A63487243E}">
      <dgm:prSet/>
      <dgm:spPr/>
      <dgm:t>
        <a:bodyPr/>
        <a:lstStyle/>
        <a:p>
          <a:endParaRPr lang="en-PH"/>
        </a:p>
      </dgm:t>
    </dgm:pt>
    <dgm:pt modelId="{F152F072-1559-4047-B946-40F25C3588C0}" type="sibTrans" cxnId="{6C564D8D-EB81-437F-A38A-22A63487243E}">
      <dgm:prSet/>
      <dgm:spPr/>
      <dgm:t>
        <a:bodyPr/>
        <a:lstStyle/>
        <a:p>
          <a:endParaRPr lang="en-PH"/>
        </a:p>
      </dgm:t>
    </dgm:pt>
    <dgm:pt modelId="{11E5CA15-5BCD-4AA1-BC76-59B1755FC149}">
      <dgm:prSet phldrT="[Text]"/>
      <dgm:spPr/>
      <dgm:t>
        <a:bodyPr/>
        <a:lstStyle/>
        <a:p>
          <a:r>
            <a:rPr lang="en-US" dirty="0"/>
            <a:t>LT MARIO T TRIBUNAL PN</a:t>
          </a:r>
          <a:endParaRPr lang="en-PH" dirty="0"/>
        </a:p>
      </dgm:t>
    </dgm:pt>
    <dgm:pt modelId="{4E51A56A-D05C-4C2F-8874-389E61278199}" type="parTrans" cxnId="{4AD888BB-91C1-439E-9513-0187BB1CEEA0}">
      <dgm:prSet/>
      <dgm:spPr/>
      <dgm:t>
        <a:bodyPr/>
        <a:lstStyle/>
        <a:p>
          <a:endParaRPr lang="en-PH"/>
        </a:p>
      </dgm:t>
    </dgm:pt>
    <dgm:pt modelId="{102B7FFA-F9C1-4B27-8BFF-C37925B262EE}" type="sibTrans" cxnId="{4AD888BB-91C1-439E-9513-0187BB1CEEA0}">
      <dgm:prSet/>
      <dgm:spPr/>
      <dgm:t>
        <a:bodyPr/>
        <a:lstStyle/>
        <a:p>
          <a:endParaRPr lang="en-PH"/>
        </a:p>
      </dgm:t>
    </dgm:pt>
    <dgm:pt modelId="{B8667BD2-11A7-48F8-AE69-DAEF4BEEF420}">
      <dgm:prSet phldrT="[Text]"/>
      <dgm:spPr/>
      <dgm:t>
        <a:bodyPr/>
        <a:lstStyle/>
        <a:p>
          <a:r>
            <a:rPr lang="en-US" dirty="0"/>
            <a:t>LT JOMAR M WELBA PN</a:t>
          </a:r>
          <a:endParaRPr lang="en-PH" dirty="0"/>
        </a:p>
      </dgm:t>
    </dgm:pt>
    <dgm:pt modelId="{87770772-C83C-48C6-850E-F0E9475DD0EB}" type="parTrans" cxnId="{A3CFCEEE-462F-4A89-83C2-6816E6A1C522}">
      <dgm:prSet/>
      <dgm:spPr/>
      <dgm:t>
        <a:bodyPr/>
        <a:lstStyle/>
        <a:p>
          <a:endParaRPr lang="en-PH"/>
        </a:p>
      </dgm:t>
    </dgm:pt>
    <dgm:pt modelId="{2F2F17D4-491C-4AD3-8678-BF17E9E8E0D6}" type="sibTrans" cxnId="{A3CFCEEE-462F-4A89-83C2-6816E6A1C522}">
      <dgm:prSet/>
      <dgm:spPr/>
      <dgm:t>
        <a:bodyPr/>
        <a:lstStyle/>
        <a:p>
          <a:endParaRPr lang="en-PH"/>
        </a:p>
      </dgm:t>
    </dgm:pt>
    <dgm:pt modelId="{4BCA1B52-DFBA-4242-80C2-32F14FEA7CE4}">
      <dgm:prSet phldrT="[Text]"/>
      <dgm:spPr/>
      <dgm:t>
        <a:bodyPr/>
        <a:lstStyle/>
        <a:p>
          <a:r>
            <a:rPr lang="en-US" dirty="0"/>
            <a:t>LTJG MICHELLE B YU PN</a:t>
          </a:r>
          <a:endParaRPr lang="en-PH" dirty="0"/>
        </a:p>
      </dgm:t>
    </dgm:pt>
    <dgm:pt modelId="{BE87123F-911F-4DB5-90FE-52F01D8B2D85}" type="parTrans" cxnId="{1E8652B4-3270-4215-A07A-886DF8B1AAD2}">
      <dgm:prSet/>
      <dgm:spPr/>
      <dgm:t>
        <a:bodyPr/>
        <a:lstStyle/>
        <a:p>
          <a:endParaRPr lang="en-PH"/>
        </a:p>
      </dgm:t>
    </dgm:pt>
    <dgm:pt modelId="{EAA83DDB-CD1D-480A-AD87-624E435B28D5}" type="sibTrans" cxnId="{1E8652B4-3270-4215-A07A-886DF8B1AAD2}">
      <dgm:prSet/>
      <dgm:spPr/>
      <dgm:t>
        <a:bodyPr/>
        <a:lstStyle/>
        <a:p>
          <a:endParaRPr lang="en-PH"/>
        </a:p>
      </dgm:t>
    </dgm:pt>
    <dgm:pt modelId="{31157148-CAD5-477C-BC15-61C42FB30F3C}">
      <dgm:prSet phldrT="[Text]"/>
      <dgm:spPr/>
      <dgm:t>
        <a:bodyPr/>
        <a:lstStyle/>
        <a:p>
          <a:r>
            <a:rPr lang="en-US" dirty="0"/>
            <a:t>Mr. NELSON G MALIGRO </a:t>
          </a:r>
          <a:r>
            <a:rPr lang="en-US" dirty="0" err="1"/>
            <a:t>CivHR</a:t>
          </a:r>
          <a:endParaRPr lang="en-PH" dirty="0"/>
        </a:p>
      </dgm:t>
    </dgm:pt>
    <dgm:pt modelId="{508A0753-BA95-448B-B718-AE2938C8D6DA}" type="parTrans" cxnId="{F4A39E1D-C32E-4CFB-90BA-A3E48A8BC4E4}">
      <dgm:prSet/>
      <dgm:spPr/>
      <dgm:t>
        <a:bodyPr/>
        <a:lstStyle/>
        <a:p>
          <a:endParaRPr lang="en-PH"/>
        </a:p>
      </dgm:t>
    </dgm:pt>
    <dgm:pt modelId="{CC313C98-EF94-4117-A75C-E57BF866B9B4}" type="sibTrans" cxnId="{F4A39E1D-C32E-4CFB-90BA-A3E48A8BC4E4}">
      <dgm:prSet/>
      <dgm:spPr/>
      <dgm:t>
        <a:bodyPr/>
        <a:lstStyle/>
        <a:p>
          <a:endParaRPr lang="en-PH"/>
        </a:p>
      </dgm:t>
    </dgm:pt>
    <dgm:pt modelId="{434DB35C-271E-494A-8FA1-F851B7F38F44}">
      <dgm:prSet phldrT="[Text]"/>
      <dgm:spPr/>
      <dgm:t>
        <a:bodyPr/>
        <a:lstStyle/>
        <a:p>
          <a:r>
            <a:rPr lang="en-US" dirty="0"/>
            <a:t>LTJG JANRYLL T SARON PN</a:t>
          </a:r>
          <a:endParaRPr lang="en-PH" dirty="0"/>
        </a:p>
      </dgm:t>
    </dgm:pt>
    <dgm:pt modelId="{EC768DFD-899E-4E1A-8D58-FE196E360B76}" type="parTrans" cxnId="{6FB66966-58E0-4E08-BAFA-851420525D13}">
      <dgm:prSet/>
      <dgm:spPr/>
      <dgm:t>
        <a:bodyPr/>
        <a:lstStyle/>
        <a:p>
          <a:endParaRPr lang="en-PH"/>
        </a:p>
      </dgm:t>
    </dgm:pt>
    <dgm:pt modelId="{A2DFFCF4-6FBF-4AE0-8449-F06A293E4006}" type="sibTrans" cxnId="{6FB66966-58E0-4E08-BAFA-851420525D13}">
      <dgm:prSet/>
      <dgm:spPr/>
      <dgm:t>
        <a:bodyPr/>
        <a:lstStyle/>
        <a:p>
          <a:endParaRPr lang="en-PH"/>
        </a:p>
      </dgm:t>
    </dgm:pt>
    <dgm:pt modelId="{2D14198B-D008-4098-9105-132344CF092A}" type="pres">
      <dgm:prSet presAssocID="{C2C715D6-3E3E-4660-A4AC-811734EA298B}" presName="linear" presStyleCnt="0">
        <dgm:presLayoutVars>
          <dgm:dir/>
          <dgm:animLvl val="lvl"/>
          <dgm:resizeHandles val="exact"/>
        </dgm:presLayoutVars>
      </dgm:prSet>
      <dgm:spPr/>
    </dgm:pt>
    <dgm:pt modelId="{4BD402F3-E654-466D-B53A-CB960E2E3F52}" type="pres">
      <dgm:prSet presAssocID="{1613F057-73D1-44D3-A66E-187E992D3C1E}" presName="parentLin" presStyleCnt="0"/>
      <dgm:spPr/>
    </dgm:pt>
    <dgm:pt modelId="{49000FC1-BB8D-4949-8277-05EDC7EECDBF}" type="pres">
      <dgm:prSet presAssocID="{1613F057-73D1-44D3-A66E-187E992D3C1E}" presName="parentLeftMargin" presStyleLbl="node1" presStyleIdx="0" presStyleCnt="8"/>
      <dgm:spPr/>
    </dgm:pt>
    <dgm:pt modelId="{5B0D25A9-8ED0-4D92-B0AD-ADE0C09D6357}" type="pres">
      <dgm:prSet presAssocID="{1613F057-73D1-44D3-A66E-187E992D3C1E}" presName="parentText" presStyleLbl="node1" presStyleIdx="0" presStyleCnt="8">
        <dgm:presLayoutVars>
          <dgm:chMax val="0"/>
          <dgm:bulletEnabled val="1"/>
        </dgm:presLayoutVars>
      </dgm:prSet>
      <dgm:spPr/>
    </dgm:pt>
    <dgm:pt modelId="{9EC63272-6CBF-4B05-B4DE-908750D604DD}" type="pres">
      <dgm:prSet presAssocID="{1613F057-73D1-44D3-A66E-187E992D3C1E}" presName="negativeSpace" presStyleCnt="0"/>
      <dgm:spPr/>
    </dgm:pt>
    <dgm:pt modelId="{DB4B773F-04FC-4598-872F-BF095E7D8D6A}" type="pres">
      <dgm:prSet presAssocID="{1613F057-73D1-44D3-A66E-187E992D3C1E}" presName="childText" presStyleLbl="conFgAcc1" presStyleIdx="0" presStyleCnt="8">
        <dgm:presLayoutVars>
          <dgm:bulletEnabled val="1"/>
        </dgm:presLayoutVars>
      </dgm:prSet>
      <dgm:spPr/>
    </dgm:pt>
    <dgm:pt modelId="{742F8829-7438-4940-9E83-DF8165DD1EBD}" type="pres">
      <dgm:prSet presAssocID="{37860F9F-7D5F-4EB1-8DAB-24D23193D309}" presName="spaceBetweenRectangles" presStyleCnt="0"/>
      <dgm:spPr/>
    </dgm:pt>
    <dgm:pt modelId="{85F51429-FFFE-4770-9CCF-B7A644CA83C2}" type="pres">
      <dgm:prSet presAssocID="{B4F13C60-A3E0-4F40-91DC-DB59ABAD039D}" presName="parentLin" presStyleCnt="0"/>
      <dgm:spPr/>
    </dgm:pt>
    <dgm:pt modelId="{46408D6B-31AD-442A-8CA9-FAAB4CC40CD2}" type="pres">
      <dgm:prSet presAssocID="{B4F13C60-A3E0-4F40-91DC-DB59ABAD039D}" presName="parentLeftMargin" presStyleLbl="node1" presStyleIdx="0" presStyleCnt="8"/>
      <dgm:spPr/>
    </dgm:pt>
    <dgm:pt modelId="{DB4094C9-8122-42A4-8E06-255DABE99573}" type="pres">
      <dgm:prSet presAssocID="{B4F13C60-A3E0-4F40-91DC-DB59ABAD039D}" presName="parentText" presStyleLbl="node1" presStyleIdx="1" presStyleCnt="8">
        <dgm:presLayoutVars>
          <dgm:chMax val="0"/>
          <dgm:bulletEnabled val="1"/>
        </dgm:presLayoutVars>
      </dgm:prSet>
      <dgm:spPr/>
    </dgm:pt>
    <dgm:pt modelId="{00FB7621-A434-40FF-9E02-A03869B60093}" type="pres">
      <dgm:prSet presAssocID="{B4F13C60-A3E0-4F40-91DC-DB59ABAD039D}" presName="negativeSpace" presStyleCnt="0"/>
      <dgm:spPr/>
    </dgm:pt>
    <dgm:pt modelId="{F9214388-70B1-4421-B31B-D8CB74CC6827}" type="pres">
      <dgm:prSet presAssocID="{B4F13C60-A3E0-4F40-91DC-DB59ABAD039D}" presName="childText" presStyleLbl="conFgAcc1" presStyleIdx="1" presStyleCnt="8">
        <dgm:presLayoutVars>
          <dgm:bulletEnabled val="1"/>
        </dgm:presLayoutVars>
      </dgm:prSet>
      <dgm:spPr/>
    </dgm:pt>
    <dgm:pt modelId="{F6E66124-DA9E-4751-A3D3-687F7CA16335}" type="pres">
      <dgm:prSet presAssocID="{7C7A3A16-13DB-4FD5-B7BB-EFEB9614888E}" presName="spaceBetweenRectangles" presStyleCnt="0"/>
      <dgm:spPr/>
    </dgm:pt>
    <dgm:pt modelId="{88CB8083-3025-4686-B69C-D23AA04EF2BE}" type="pres">
      <dgm:prSet presAssocID="{11E5CA15-5BCD-4AA1-BC76-59B1755FC149}" presName="parentLin" presStyleCnt="0"/>
      <dgm:spPr/>
    </dgm:pt>
    <dgm:pt modelId="{514ADE8B-619E-4DF6-9092-BFEEBFDF1A69}" type="pres">
      <dgm:prSet presAssocID="{11E5CA15-5BCD-4AA1-BC76-59B1755FC149}" presName="parentLeftMargin" presStyleLbl="node1" presStyleIdx="1" presStyleCnt="8"/>
      <dgm:spPr/>
    </dgm:pt>
    <dgm:pt modelId="{FA8E03CC-D339-45D5-8FDC-899C3C28637B}" type="pres">
      <dgm:prSet presAssocID="{11E5CA15-5BCD-4AA1-BC76-59B1755FC149}" presName="parentText" presStyleLbl="node1" presStyleIdx="2" presStyleCnt="8">
        <dgm:presLayoutVars>
          <dgm:chMax val="0"/>
          <dgm:bulletEnabled val="1"/>
        </dgm:presLayoutVars>
      </dgm:prSet>
      <dgm:spPr/>
    </dgm:pt>
    <dgm:pt modelId="{9DA947C7-A78F-4ECB-968C-5EC9161FD6E8}" type="pres">
      <dgm:prSet presAssocID="{11E5CA15-5BCD-4AA1-BC76-59B1755FC149}" presName="negativeSpace" presStyleCnt="0"/>
      <dgm:spPr/>
    </dgm:pt>
    <dgm:pt modelId="{6A53A531-72EB-4B24-90F0-7BD211C0DA9E}" type="pres">
      <dgm:prSet presAssocID="{11E5CA15-5BCD-4AA1-BC76-59B1755FC149}" presName="childText" presStyleLbl="conFgAcc1" presStyleIdx="2" presStyleCnt="8">
        <dgm:presLayoutVars>
          <dgm:bulletEnabled val="1"/>
        </dgm:presLayoutVars>
      </dgm:prSet>
      <dgm:spPr/>
    </dgm:pt>
    <dgm:pt modelId="{F3697F2F-89C8-4C38-9782-1D80C639C90E}" type="pres">
      <dgm:prSet presAssocID="{102B7FFA-F9C1-4B27-8BFF-C37925B262EE}" presName="spaceBetweenRectangles" presStyleCnt="0"/>
      <dgm:spPr/>
    </dgm:pt>
    <dgm:pt modelId="{DCF44688-7A5B-4AB8-8862-4A6351286473}" type="pres">
      <dgm:prSet presAssocID="{EEC72C1A-923A-41B0-97FB-85350292BD07}" presName="parentLin" presStyleCnt="0"/>
      <dgm:spPr/>
    </dgm:pt>
    <dgm:pt modelId="{0ABD40CB-37C1-4295-89EE-076E32927D32}" type="pres">
      <dgm:prSet presAssocID="{EEC72C1A-923A-41B0-97FB-85350292BD07}" presName="parentLeftMargin" presStyleLbl="node1" presStyleIdx="2" presStyleCnt="8"/>
      <dgm:spPr/>
    </dgm:pt>
    <dgm:pt modelId="{52FD499D-FBDF-4E4D-9996-403DF41ABBFC}" type="pres">
      <dgm:prSet presAssocID="{EEC72C1A-923A-41B0-97FB-85350292BD07}" presName="parentText" presStyleLbl="node1" presStyleIdx="3" presStyleCnt="8">
        <dgm:presLayoutVars>
          <dgm:chMax val="0"/>
          <dgm:bulletEnabled val="1"/>
        </dgm:presLayoutVars>
      </dgm:prSet>
      <dgm:spPr/>
    </dgm:pt>
    <dgm:pt modelId="{9317B5B1-11AF-48FC-AB8F-5E50D5201C4F}" type="pres">
      <dgm:prSet presAssocID="{EEC72C1A-923A-41B0-97FB-85350292BD07}" presName="negativeSpace" presStyleCnt="0"/>
      <dgm:spPr/>
    </dgm:pt>
    <dgm:pt modelId="{ED0574E9-429A-496E-AC77-A009FD49DCAF}" type="pres">
      <dgm:prSet presAssocID="{EEC72C1A-923A-41B0-97FB-85350292BD07}" presName="childText" presStyleLbl="conFgAcc1" presStyleIdx="3" presStyleCnt="8">
        <dgm:presLayoutVars>
          <dgm:bulletEnabled val="1"/>
        </dgm:presLayoutVars>
      </dgm:prSet>
      <dgm:spPr/>
    </dgm:pt>
    <dgm:pt modelId="{DCB41ADA-EC70-4720-B797-5C022B8BC9E2}" type="pres">
      <dgm:prSet presAssocID="{F152F072-1559-4047-B946-40F25C3588C0}" presName="spaceBetweenRectangles" presStyleCnt="0"/>
      <dgm:spPr/>
    </dgm:pt>
    <dgm:pt modelId="{A6E31F2B-CF68-49E9-9CF4-79374F17C920}" type="pres">
      <dgm:prSet presAssocID="{B8667BD2-11A7-48F8-AE69-DAEF4BEEF420}" presName="parentLin" presStyleCnt="0"/>
      <dgm:spPr/>
    </dgm:pt>
    <dgm:pt modelId="{6F456DCB-B060-4F0F-887D-644B5369F892}" type="pres">
      <dgm:prSet presAssocID="{B8667BD2-11A7-48F8-AE69-DAEF4BEEF420}" presName="parentLeftMargin" presStyleLbl="node1" presStyleIdx="3" presStyleCnt="8"/>
      <dgm:spPr/>
    </dgm:pt>
    <dgm:pt modelId="{42E71380-23C8-4CE3-A91F-C223DA5F27F1}" type="pres">
      <dgm:prSet presAssocID="{B8667BD2-11A7-48F8-AE69-DAEF4BEEF420}" presName="parentText" presStyleLbl="node1" presStyleIdx="4" presStyleCnt="8">
        <dgm:presLayoutVars>
          <dgm:chMax val="0"/>
          <dgm:bulletEnabled val="1"/>
        </dgm:presLayoutVars>
      </dgm:prSet>
      <dgm:spPr/>
    </dgm:pt>
    <dgm:pt modelId="{07894451-8A0A-4301-9B96-FAC5D4AC48BE}" type="pres">
      <dgm:prSet presAssocID="{B8667BD2-11A7-48F8-AE69-DAEF4BEEF420}" presName="negativeSpace" presStyleCnt="0"/>
      <dgm:spPr/>
    </dgm:pt>
    <dgm:pt modelId="{8A22EA03-525D-4799-BBB2-52F65384697A}" type="pres">
      <dgm:prSet presAssocID="{B8667BD2-11A7-48F8-AE69-DAEF4BEEF420}" presName="childText" presStyleLbl="conFgAcc1" presStyleIdx="4" presStyleCnt="8">
        <dgm:presLayoutVars>
          <dgm:bulletEnabled val="1"/>
        </dgm:presLayoutVars>
      </dgm:prSet>
      <dgm:spPr/>
    </dgm:pt>
    <dgm:pt modelId="{59973249-EA72-4152-8804-4B1D7AB71559}" type="pres">
      <dgm:prSet presAssocID="{2F2F17D4-491C-4AD3-8678-BF17E9E8E0D6}" presName="spaceBetweenRectangles" presStyleCnt="0"/>
      <dgm:spPr/>
    </dgm:pt>
    <dgm:pt modelId="{A93D90FD-F15A-462D-97D4-550639297BF2}" type="pres">
      <dgm:prSet presAssocID="{434DB35C-271E-494A-8FA1-F851B7F38F44}" presName="parentLin" presStyleCnt="0"/>
      <dgm:spPr/>
    </dgm:pt>
    <dgm:pt modelId="{921FDAC3-881A-4E61-BB36-52CFFD71EE9C}" type="pres">
      <dgm:prSet presAssocID="{434DB35C-271E-494A-8FA1-F851B7F38F44}" presName="parentLeftMargin" presStyleLbl="node1" presStyleIdx="4" presStyleCnt="8"/>
      <dgm:spPr/>
    </dgm:pt>
    <dgm:pt modelId="{C57F4663-E03C-4D55-B2C6-341F6D3760DB}" type="pres">
      <dgm:prSet presAssocID="{434DB35C-271E-494A-8FA1-F851B7F38F44}" presName="parentText" presStyleLbl="node1" presStyleIdx="5" presStyleCnt="8">
        <dgm:presLayoutVars>
          <dgm:chMax val="0"/>
          <dgm:bulletEnabled val="1"/>
        </dgm:presLayoutVars>
      </dgm:prSet>
      <dgm:spPr/>
    </dgm:pt>
    <dgm:pt modelId="{0FEDFB5F-4312-498B-BF8E-65224C2486A5}" type="pres">
      <dgm:prSet presAssocID="{434DB35C-271E-494A-8FA1-F851B7F38F44}" presName="negativeSpace" presStyleCnt="0"/>
      <dgm:spPr/>
    </dgm:pt>
    <dgm:pt modelId="{E51AE9E0-BD2E-4EC1-8F2F-7585309C2349}" type="pres">
      <dgm:prSet presAssocID="{434DB35C-271E-494A-8FA1-F851B7F38F44}" presName="childText" presStyleLbl="conFgAcc1" presStyleIdx="5" presStyleCnt="8">
        <dgm:presLayoutVars>
          <dgm:bulletEnabled val="1"/>
        </dgm:presLayoutVars>
      </dgm:prSet>
      <dgm:spPr/>
    </dgm:pt>
    <dgm:pt modelId="{B9C9CBE4-1A7B-47F7-B5C7-58D31ABA76D0}" type="pres">
      <dgm:prSet presAssocID="{A2DFFCF4-6FBF-4AE0-8449-F06A293E4006}" presName="spaceBetweenRectangles" presStyleCnt="0"/>
      <dgm:spPr/>
    </dgm:pt>
    <dgm:pt modelId="{1C551CE4-165A-41A2-997F-29FC8C3BF42A}" type="pres">
      <dgm:prSet presAssocID="{4BCA1B52-DFBA-4242-80C2-32F14FEA7CE4}" presName="parentLin" presStyleCnt="0"/>
      <dgm:spPr/>
    </dgm:pt>
    <dgm:pt modelId="{2CABE1A7-DD98-4C84-A3A5-774A4785CDBB}" type="pres">
      <dgm:prSet presAssocID="{4BCA1B52-DFBA-4242-80C2-32F14FEA7CE4}" presName="parentLeftMargin" presStyleLbl="node1" presStyleIdx="5" presStyleCnt="8"/>
      <dgm:spPr/>
    </dgm:pt>
    <dgm:pt modelId="{FBB91F28-356C-4353-8F64-2C112883EAB4}" type="pres">
      <dgm:prSet presAssocID="{4BCA1B52-DFBA-4242-80C2-32F14FEA7CE4}" presName="parentText" presStyleLbl="node1" presStyleIdx="6" presStyleCnt="8">
        <dgm:presLayoutVars>
          <dgm:chMax val="0"/>
          <dgm:bulletEnabled val="1"/>
        </dgm:presLayoutVars>
      </dgm:prSet>
      <dgm:spPr/>
    </dgm:pt>
    <dgm:pt modelId="{5BFDE4F5-E565-4BDD-B14C-80E790002C40}" type="pres">
      <dgm:prSet presAssocID="{4BCA1B52-DFBA-4242-80C2-32F14FEA7CE4}" presName="negativeSpace" presStyleCnt="0"/>
      <dgm:spPr/>
    </dgm:pt>
    <dgm:pt modelId="{6CC89DBB-6316-4C10-9980-7A63146A4229}" type="pres">
      <dgm:prSet presAssocID="{4BCA1B52-DFBA-4242-80C2-32F14FEA7CE4}" presName="childText" presStyleLbl="conFgAcc1" presStyleIdx="6" presStyleCnt="8">
        <dgm:presLayoutVars>
          <dgm:bulletEnabled val="1"/>
        </dgm:presLayoutVars>
      </dgm:prSet>
      <dgm:spPr/>
    </dgm:pt>
    <dgm:pt modelId="{BF614B68-4DB5-4BA9-82E7-B38522A6C71D}" type="pres">
      <dgm:prSet presAssocID="{EAA83DDB-CD1D-480A-AD87-624E435B28D5}" presName="spaceBetweenRectangles" presStyleCnt="0"/>
      <dgm:spPr/>
    </dgm:pt>
    <dgm:pt modelId="{B42A6D5A-FEE2-43AF-91A7-DEAD9F0F5BC3}" type="pres">
      <dgm:prSet presAssocID="{31157148-CAD5-477C-BC15-61C42FB30F3C}" presName="parentLin" presStyleCnt="0"/>
      <dgm:spPr/>
    </dgm:pt>
    <dgm:pt modelId="{7A0F4F83-A1E0-4983-8F92-FD2E43430896}" type="pres">
      <dgm:prSet presAssocID="{31157148-CAD5-477C-BC15-61C42FB30F3C}" presName="parentLeftMargin" presStyleLbl="node1" presStyleIdx="6" presStyleCnt="8"/>
      <dgm:spPr/>
    </dgm:pt>
    <dgm:pt modelId="{C41B2696-4B9A-42DF-A5A3-96F86EBA5122}" type="pres">
      <dgm:prSet presAssocID="{31157148-CAD5-477C-BC15-61C42FB30F3C}" presName="parentText" presStyleLbl="node1" presStyleIdx="7" presStyleCnt="8">
        <dgm:presLayoutVars>
          <dgm:chMax val="0"/>
          <dgm:bulletEnabled val="1"/>
        </dgm:presLayoutVars>
      </dgm:prSet>
      <dgm:spPr/>
    </dgm:pt>
    <dgm:pt modelId="{44A32476-5BAA-4E0C-BE7F-B748E02CE023}" type="pres">
      <dgm:prSet presAssocID="{31157148-CAD5-477C-BC15-61C42FB30F3C}" presName="negativeSpace" presStyleCnt="0"/>
      <dgm:spPr/>
    </dgm:pt>
    <dgm:pt modelId="{F3BA870F-32A9-4DEF-BA60-F359AAC3CA54}" type="pres">
      <dgm:prSet presAssocID="{31157148-CAD5-477C-BC15-61C42FB30F3C}" presName="childText" presStyleLbl="conFgAcc1" presStyleIdx="7" presStyleCnt="8">
        <dgm:presLayoutVars>
          <dgm:bulletEnabled val="1"/>
        </dgm:presLayoutVars>
      </dgm:prSet>
      <dgm:spPr/>
    </dgm:pt>
  </dgm:ptLst>
  <dgm:cxnLst>
    <dgm:cxn modelId="{946CEB16-23C9-4F37-B8FB-E1369FAB4E9A}" type="presOf" srcId="{1613F057-73D1-44D3-A66E-187E992D3C1E}" destId="{49000FC1-BB8D-4949-8277-05EDC7EECDBF}" srcOrd="0" destOrd="0" presId="urn:microsoft.com/office/officeart/2005/8/layout/list1"/>
    <dgm:cxn modelId="{2E420519-384B-437C-9568-3AC3261C2B98}" type="presOf" srcId="{B4F13C60-A3E0-4F40-91DC-DB59ABAD039D}" destId="{46408D6B-31AD-442A-8CA9-FAAB4CC40CD2}" srcOrd="0" destOrd="0" presId="urn:microsoft.com/office/officeart/2005/8/layout/list1"/>
    <dgm:cxn modelId="{B0C5281B-5549-4256-8FF4-E6A3CBA1BDC4}" srcId="{C2C715D6-3E3E-4660-A4AC-811734EA298B}" destId="{B4F13C60-A3E0-4F40-91DC-DB59ABAD039D}" srcOrd="1" destOrd="0" parTransId="{F56F62C1-14A1-4E60-BEE8-8126A9169696}" sibTransId="{7C7A3A16-13DB-4FD5-B7BB-EFEB9614888E}"/>
    <dgm:cxn modelId="{F4A39E1D-C32E-4CFB-90BA-A3E48A8BC4E4}" srcId="{C2C715D6-3E3E-4660-A4AC-811734EA298B}" destId="{31157148-CAD5-477C-BC15-61C42FB30F3C}" srcOrd="7" destOrd="0" parTransId="{508A0753-BA95-448B-B718-AE2938C8D6DA}" sibTransId="{CC313C98-EF94-4117-A75C-E57BF866B9B4}"/>
    <dgm:cxn modelId="{F5A5C628-9B4C-4298-BC3C-40BFED72C0B9}" type="presOf" srcId="{C2C715D6-3E3E-4660-A4AC-811734EA298B}" destId="{2D14198B-D008-4098-9105-132344CF092A}" srcOrd="0" destOrd="0" presId="urn:microsoft.com/office/officeart/2005/8/layout/list1"/>
    <dgm:cxn modelId="{A059AF2A-BFF9-43EF-BDB3-805F4BDD5434}" type="presOf" srcId="{11E5CA15-5BCD-4AA1-BC76-59B1755FC149}" destId="{514ADE8B-619E-4DF6-9092-BFEEBFDF1A69}" srcOrd="0" destOrd="0" presId="urn:microsoft.com/office/officeart/2005/8/layout/list1"/>
    <dgm:cxn modelId="{E3D61136-5F25-4A38-9299-C5722237EDAC}" type="presOf" srcId="{EEC72C1A-923A-41B0-97FB-85350292BD07}" destId="{52FD499D-FBDF-4E4D-9996-403DF41ABBFC}" srcOrd="1" destOrd="0" presId="urn:microsoft.com/office/officeart/2005/8/layout/list1"/>
    <dgm:cxn modelId="{6CEBDF5D-B83C-4F16-874C-A1F3D617C8B6}" type="presOf" srcId="{1613F057-73D1-44D3-A66E-187E992D3C1E}" destId="{5B0D25A9-8ED0-4D92-B0AD-ADE0C09D6357}" srcOrd="1" destOrd="0" presId="urn:microsoft.com/office/officeart/2005/8/layout/list1"/>
    <dgm:cxn modelId="{E1001E5E-1462-4FEB-95FD-301FB23655DA}" type="presOf" srcId="{434DB35C-271E-494A-8FA1-F851B7F38F44}" destId="{C57F4663-E03C-4D55-B2C6-341F6D3760DB}" srcOrd="1" destOrd="0" presId="urn:microsoft.com/office/officeart/2005/8/layout/list1"/>
    <dgm:cxn modelId="{B26B365E-E2A1-4777-85F2-60FEE68034E1}" type="presOf" srcId="{4BCA1B52-DFBA-4242-80C2-32F14FEA7CE4}" destId="{FBB91F28-356C-4353-8F64-2C112883EAB4}" srcOrd="1" destOrd="0" presId="urn:microsoft.com/office/officeart/2005/8/layout/list1"/>
    <dgm:cxn modelId="{6FB66966-58E0-4E08-BAFA-851420525D13}" srcId="{C2C715D6-3E3E-4660-A4AC-811734EA298B}" destId="{434DB35C-271E-494A-8FA1-F851B7F38F44}" srcOrd="5" destOrd="0" parTransId="{EC768DFD-899E-4E1A-8D58-FE196E360B76}" sibTransId="{A2DFFCF4-6FBF-4AE0-8449-F06A293E4006}"/>
    <dgm:cxn modelId="{53BDCA6F-2075-4353-AADA-8BF4DB534CAE}" type="presOf" srcId="{B4F13C60-A3E0-4F40-91DC-DB59ABAD039D}" destId="{DB4094C9-8122-42A4-8E06-255DABE99573}" srcOrd="1" destOrd="0" presId="urn:microsoft.com/office/officeart/2005/8/layout/list1"/>
    <dgm:cxn modelId="{61B89F84-1979-46D2-803F-FD9B721B422C}" type="presOf" srcId="{EEC72C1A-923A-41B0-97FB-85350292BD07}" destId="{0ABD40CB-37C1-4295-89EE-076E32927D32}" srcOrd="0" destOrd="0" presId="urn:microsoft.com/office/officeart/2005/8/layout/list1"/>
    <dgm:cxn modelId="{543F7487-A3D7-422B-8A16-6A929257AD18}" type="presOf" srcId="{11E5CA15-5BCD-4AA1-BC76-59B1755FC149}" destId="{FA8E03CC-D339-45D5-8FDC-899C3C28637B}" srcOrd="1" destOrd="0" presId="urn:microsoft.com/office/officeart/2005/8/layout/list1"/>
    <dgm:cxn modelId="{6C564D8D-EB81-437F-A38A-22A63487243E}" srcId="{C2C715D6-3E3E-4660-A4AC-811734EA298B}" destId="{EEC72C1A-923A-41B0-97FB-85350292BD07}" srcOrd="3" destOrd="0" parTransId="{FDF777AD-18DF-4E6E-A0DD-E657D5ABB50C}" sibTransId="{F152F072-1559-4047-B946-40F25C3588C0}"/>
    <dgm:cxn modelId="{61DF848F-DFAA-4ABF-9C25-9127AB72C026}" type="presOf" srcId="{434DB35C-271E-494A-8FA1-F851B7F38F44}" destId="{921FDAC3-881A-4E61-BB36-52CFFD71EE9C}" srcOrd="0" destOrd="0" presId="urn:microsoft.com/office/officeart/2005/8/layout/list1"/>
    <dgm:cxn modelId="{7387D09B-037F-41A5-A81F-B49161A34C5F}" type="presOf" srcId="{B8667BD2-11A7-48F8-AE69-DAEF4BEEF420}" destId="{42E71380-23C8-4CE3-A91F-C223DA5F27F1}" srcOrd="1" destOrd="0" presId="urn:microsoft.com/office/officeart/2005/8/layout/list1"/>
    <dgm:cxn modelId="{AE58229D-F5BE-4383-A63D-4B9A3BEC918D}" type="presOf" srcId="{31157148-CAD5-477C-BC15-61C42FB30F3C}" destId="{7A0F4F83-A1E0-4983-8F92-FD2E43430896}" srcOrd="0" destOrd="0" presId="urn:microsoft.com/office/officeart/2005/8/layout/list1"/>
    <dgm:cxn modelId="{40E1A1B2-0D60-43E9-B969-7398BAFA7669}" type="presOf" srcId="{B8667BD2-11A7-48F8-AE69-DAEF4BEEF420}" destId="{6F456DCB-B060-4F0F-887D-644B5369F892}" srcOrd="0" destOrd="0" presId="urn:microsoft.com/office/officeart/2005/8/layout/list1"/>
    <dgm:cxn modelId="{1E8652B4-3270-4215-A07A-886DF8B1AAD2}" srcId="{C2C715D6-3E3E-4660-A4AC-811734EA298B}" destId="{4BCA1B52-DFBA-4242-80C2-32F14FEA7CE4}" srcOrd="6" destOrd="0" parTransId="{BE87123F-911F-4DB5-90FE-52F01D8B2D85}" sibTransId="{EAA83DDB-CD1D-480A-AD87-624E435B28D5}"/>
    <dgm:cxn modelId="{C53E69B6-EE37-466B-96FB-399808023424}" type="presOf" srcId="{4BCA1B52-DFBA-4242-80C2-32F14FEA7CE4}" destId="{2CABE1A7-DD98-4C84-A3A5-774A4785CDBB}" srcOrd="0" destOrd="0" presId="urn:microsoft.com/office/officeart/2005/8/layout/list1"/>
    <dgm:cxn modelId="{4AD888BB-91C1-439E-9513-0187BB1CEEA0}" srcId="{C2C715D6-3E3E-4660-A4AC-811734EA298B}" destId="{11E5CA15-5BCD-4AA1-BC76-59B1755FC149}" srcOrd="2" destOrd="0" parTransId="{4E51A56A-D05C-4C2F-8874-389E61278199}" sibTransId="{102B7FFA-F9C1-4B27-8BFF-C37925B262EE}"/>
    <dgm:cxn modelId="{E67B44DA-978C-41A2-9459-E016BAD25EDF}" type="presOf" srcId="{31157148-CAD5-477C-BC15-61C42FB30F3C}" destId="{C41B2696-4B9A-42DF-A5A3-96F86EBA5122}" srcOrd="1" destOrd="0" presId="urn:microsoft.com/office/officeart/2005/8/layout/list1"/>
    <dgm:cxn modelId="{A3CFCEEE-462F-4A89-83C2-6816E6A1C522}" srcId="{C2C715D6-3E3E-4660-A4AC-811734EA298B}" destId="{B8667BD2-11A7-48F8-AE69-DAEF4BEEF420}" srcOrd="4" destOrd="0" parTransId="{87770772-C83C-48C6-850E-F0E9475DD0EB}" sibTransId="{2F2F17D4-491C-4AD3-8678-BF17E9E8E0D6}"/>
    <dgm:cxn modelId="{BB37FAF4-38ED-4DC1-A4BF-17B9A53DA034}" srcId="{C2C715D6-3E3E-4660-A4AC-811734EA298B}" destId="{1613F057-73D1-44D3-A66E-187E992D3C1E}" srcOrd="0" destOrd="0" parTransId="{F2CB6D40-0EDB-4828-9FF5-16A545FFD5BD}" sibTransId="{37860F9F-7D5F-4EB1-8DAB-24D23193D309}"/>
    <dgm:cxn modelId="{DF5C23C3-2B38-4141-B64C-1FA7741E3B41}" type="presParOf" srcId="{2D14198B-D008-4098-9105-132344CF092A}" destId="{4BD402F3-E654-466D-B53A-CB960E2E3F52}" srcOrd="0" destOrd="0" presId="urn:microsoft.com/office/officeart/2005/8/layout/list1"/>
    <dgm:cxn modelId="{90ED2605-C363-4398-A645-D0390887E412}" type="presParOf" srcId="{4BD402F3-E654-466D-B53A-CB960E2E3F52}" destId="{49000FC1-BB8D-4949-8277-05EDC7EECDBF}" srcOrd="0" destOrd="0" presId="urn:microsoft.com/office/officeart/2005/8/layout/list1"/>
    <dgm:cxn modelId="{69416B91-FEA6-4750-82CA-ECD37BFCA085}" type="presParOf" srcId="{4BD402F3-E654-466D-B53A-CB960E2E3F52}" destId="{5B0D25A9-8ED0-4D92-B0AD-ADE0C09D6357}" srcOrd="1" destOrd="0" presId="urn:microsoft.com/office/officeart/2005/8/layout/list1"/>
    <dgm:cxn modelId="{DD72051E-A9D6-40F3-8B1E-FC533376DC37}" type="presParOf" srcId="{2D14198B-D008-4098-9105-132344CF092A}" destId="{9EC63272-6CBF-4B05-B4DE-908750D604DD}" srcOrd="1" destOrd="0" presId="urn:microsoft.com/office/officeart/2005/8/layout/list1"/>
    <dgm:cxn modelId="{12BC43AC-7575-4383-BD01-470BC750B7AE}" type="presParOf" srcId="{2D14198B-D008-4098-9105-132344CF092A}" destId="{DB4B773F-04FC-4598-872F-BF095E7D8D6A}" srcOrd="2" destOrd="0" presId="urn:microsoft.com/office/officeart/2005/8/layout/list1"/>
    <dgm:cxn modelId="{295DBD63-CCFF-48AE-AF06-2D0D1885F302}" type="presParOf" srcId="{2D14198B-D008-4098-9105-132344CF092A}" destId="{742F8829-7438-4940-9E83-DF8165DD1EBD}" srcOrd="3" destOrd="0" presId="urn:microsoft.com/office/officeart/2005/8/layout/list1"/>
    <dgm:cxn modelId="{EEE08AA7-C90E-4DF6-A240-5C5EDB090A3C}" type="presParOf" srcId="{2D14198B-D008-4098-9105-132344CF092A}" destId="{85F51429-FFFE-4770-9CCF-B7A644CA83C2}" srcOrd="4" destOrd="0" presId="urn:microsoft.com/office/officeart/2005/8/layout/list1"/>
    <dgm:cxn modelId="{F7C782E1-8FA4-4397-A635-8A7D76B227F3}" type="presParOf" srcId="{85F51429-FFFE-4770-9CCF-B7A644CA83C2}" destId="{46408D6B-31AD-442A-8CA9-FAAB4CC40CD2}" srcOrd="0" destOrd="0" presId="urn:microsoft.com/office/officeart/2005/8/layout/list1"/>
    <dgm:cxn modelId="{6F73AB5F-03D9-4A34-A34C-1C4A95BBDC9F}" type="presParOf" srcId="{85F51429-FFFE-4770-9CCF-B7A644CA83C2}" destId="{DB4094C9-8122-42A4-8E06-255DABE99573}" srcOrd="1" destOrd="0" presId="urn:microsoft.com/office/officeart/2005/8/layout/list1"/>
    <dgm:cxn modelId="{52FB3D13-7DEC-4DF4-B2DD-18A853EAD807}" type="presParOf" srcId="{2D14198B-D008-4098-9105-132344CF092A}" destId="{00FB7621-A434-40FF-9E02-A03869B60093}" srcOrd="5" destOrd="0" presId="urn:microsoft.com/office/officeart/2005/8/layout/list1"/>
    <dgm:cxn modelId="{52D5D06C-0FBA-46D5-852A-0E73C6032D97}" type="presParOf" srcId="{2D14198B-D008-4098-9105-132344CF092A}" destId="{F9214388-70B1-4421-B31B-D8CB74CC6827}" srcOrd="6" destOrd="0" presId="urn:microsoft.com/office/officeart/2005/8/layout/list1"/>
    <dgm:cxn modelId="{D052E796-E45C-42C0-9673-A562FA02CF06}" type="presParOf" srcId="{2D14198B-D008-4098-9105-132344CF092A}" destId="{F6E66124-DA9E-4751-A3D3-687F7CA16335}" srcOrd="7" destOrd="0" presId="urn:microsoft.com/office/officeart/2005/8/layout/list1"/>
    <dgm:cxn modelId="{1D0343AC-0D46-4462-AD82-4F9F27C23166}" type="presParOf" srcId="{2D14198B-D008-4098-9105-132344CF092A}" destId="{88CB8083-3025-4686-B69C-D23AA04EF2BE}" srcOrd="8" destOrd="0" presId="urn:microsoft.com/office/officeart/2005/8/layout/list1"/>
    <dgm:cxn modelId="{2CAF799D-96CF-4528-B8C1-92EDD98F6DE0}" type="presParOf" srcId="{88CB8083-3025-4686-B69C-D23AA04EF2BE}" destId="{514ADE8B-619E-4DF6-9092-BFEEBFDF1A69}" srcOrd="0" destOrd="0" presId="urn:microsoft.com/office/officeart/2005/8/layout/list1"/>
    <dgm:cxn modelId="{E72ECB56-4BA5-4E99-8045-027656DAF8D9}" type="presParOf" srcId="{88CB8083-3025-4686-B69C-D23AA04EF2BE}" destId="{FA8E03CC-D339-45D5-8FDC-899C3C28637B}" srcOrd="1" destOrd="0" presId="urn:microsoft.com/office/officeart/2005/8/layout/list1"/>
    <dgm:cxn modelId="{D50B5502-D894-44BB-A328-9805B331203C}" type="presParOf" srcId="{2D14198B-D008-4098-9105-132344CF092A}" destId="{9DA947C7-A78F-4ECB-968C-5EC9161FD6E8}" srcOrd="9" destOrd="0" presId="urn:microsoft.com/office/officeart/2005/8/layout/list1"/>
    <dgm:cxn modelId="{C1DDC1FA-6AA3-4DDC-9B54-66DBF5F875D9}" type="presParOf" srcId="{2D14198B-D008-4098-9105-132344CF092A}" destId="{6A53A531-72EB-4B24-90F0-7BD211C0DA9E}" srcOrd="10" destOrd="0" presId="urn:microsoft.com/office/officeart/2005/8/layout/list1"/>
    <dgm:cxn modelId="{E2730531-5EE3-4DE2-BDA1-2473B45CF0D9}" type="presParOf" srcId="{2D14198B-D008-4098-9105-132344CF092A}" destId="{F3697F2F-89C8-4C38-9782-1D80C639C90E}" srcOrd="11" destOrd="0" presId="urn:microsoft.com/office/officeart/2005/8/layout/list1"/>
    <dgm:cxn modelId="{863016C4-AA36-46DF-BAAD-05511E09AC5B}" type="presParOf" srcId="{2D14198B-D008-4098-9105-132344CF092A}" destId="{DCF44688-7A5B-4AB8-8862-4A6351286473}" srcOrd="12" destOrd="0" presId="urn:microsoft.com/office/officeart/2005/8/layout/list1"/>
    <dgm:cxn modelId="{ED8A289D-ACFB-4A5E-A620-34E6D4EBA647}" type="presParOf" srcId="{DCF44688-7A5B-4AB8-8862-4A6351286473}" destId="{0ABD40CB-37C1-4295-89EE-076E32927D32}" srcOrd="0" destOrd="0" presId="urn:microsoft.com/office/officeart/2005/8/layout/list1"/>
    <dgm:cxn modelId="{2C37EB3F-0ECE-4E1A-834F-273DAB410218}" type="presParOf" srcId="{DCF44688-7A5B-4AB8-8862-4A6351286473}" destId="{52FD499D-FBDF-4E4D-9996-403DF41ABBFC}" srcOrd="1" destOrd="0" presId="urn:microsoft.com/office/officeart/2005/8/layout/list1"/>
    <dgm:cxn modelId="{42063286-BC93-4107-B0F6-BFC66B4461A2}" type="presParOf" srcId="{2D14198B-D008-4098-9105-132344CF092A}" destId="{9317B5B1-11AF-48FC-AB8F-5E50D5201C4F}" srcOrd="13" destOrd="0" presId="urn:microsoft.com/office/officeart/2005/8/layout/list1"/>
    <dgm:cxn modelId="{3EF33317-5A43-42CF-8668-D677942AEE1B}" type="presParOf" srcId="{2D14198B-D008-4098-9105-132344CF092A}" destId="{ED0574E9-429A-496E-AC77-A009FD49DCAF}" srcOrd="14" destOrd="0" presId="urn:microsoft.com/office/officeart/2005/8/layout/list1"/>
    <dgm:cxn modelId="{429520C9-327A-4F8B-A9DA-0DC2C9CDC356}" type="presParOf" srcId="{2D14198B-D008-4098-9105-132344CF092A}" destId="{DCB41ADA-EC70-4720-B797-5C022B8BC9E2}" srcOrd="15" destOrd="0" presId="urn:microsoft.com/office/officeart/2005/8/layout/list1"/>
    <dgm:cxn modelId="{B841E54B-3EB6-48B8-BA81-2E9C2BE33867}" type="presParOf" srcId="{2D14198B-D008-4098-9105-132344CF092A}" destId="{A6E31F2B-CF68-49E9-9CF4-79374F17C920}" srcOrd="16" destOrd="0" presId="urn:microsoft.com/office/officeart/2005/8/layout/list1"/>
    <dgm:cxn modelId="{11822B0A-09B6-4FDA-B73B-35917696BDAF}" type="presParOf" srcId="{A6E31F2B-CF68-49E9-9CF4-79374F17C920}" destId="{6F456DCB-B060-4F0F-887D-644B5369F892}" srcOrd="0" destOrd="0" presId="urn:microsoft.com/office/officeart/2005/8/layout/list1"/>
    <dgm:cxn modelId="{056312D2-F607-4405-B52F-A5194DACA812}" type="presParOf" srcId="{A6E31F2B-CF68-49E9-9CF4-79374F17C920}" destId="{42E71380-23C8-4CE3-A91F-C223DA5F27F1}" srcOrd="1" destOrd="0" presId="urn:microsoft.com/office/officeart/2005/8/layout/list1"/>
    <dgm:cxn modelId="{A2D94321-4B01-43FF-A2FC-FAC54EC24B1B}" type="presParOf" srcId="{2D14198B-D008-4098-9105-132344CF092A}" destId="{07894451-8A0A-4301-9B96-FAC5D4AC48BE}" srcOrd="17" destOrd="0" presId="urn:microsoft.com/office/officeart/2005/8/layout/list1"/>
    <dgm:cxn modelId="{AFA1C3CA-9B59-4EB4-8902-E9A4C19239EE}" type="presParOf" srcId="{2D14198B-D008-4098-9105-132344CF092A}" destId="{8A22EA03-525D-4799-BBB2-52F65384697A}" srcOrd="18" destOrd="0" presId="urn:microsoft.com/office/officeart/2005/8/layout/list1"/>
    <dgm:cxn modelId="{13BC41FB-6741-40D0-8B63-6CB96E3A15DA}" type="presParOf" srcId="{2D14198B-D008-4098-9105-132344CF092A}" destId="{59973249-EA72-4152-8804-4B1D7AB71559}" srcOrd="19" destOrd="0" presId="urn:microsoft.com/office/officeart/2005/8/layout/list1"/>
    <dgm:cxn modelId="{466A34FE-F489-4928-9937-0DAFD3A141BE}" type="presParOf" srcId="{2D14198B-D008-4098-9105-132344CF092A}" destId="{A93D90FD-F15A-462D-97D4-550639297BF2}" srcOrd="20" destOrd="0" presId="urn:microsoft.com/office/officeart/2005/8/layout/list1"/>
    <dgm:cxn modelId="{05F4359A-FECC-450A-AAF5-EA624D9FC35D}" type="presParOf" srcId="{A93D90FD-F15A-462D-97D4-550639297BF2}" destId="{921FDAC3-881A-4E61-BB36-52CFFD71EE9C}" srcOrd="0" destOrd="0" presId="urn:microsoft.com/office/officeart/2005/8/layout/list1"/>
    <dgm:cxn modelId="{6C5B17C4-6749-4E59-81A5-637CA3052528}" type="presParOf" srcId="{A93D90FD-F15A-462D-97D4-550639297BF2}" destId="{C57F4663-E03C-4D55-B2C6-341F6D3760DB}" srcOrd="1" destOrd="0" presId="urn:microsoft.com/office/officeart/2005/8/layout/list1"/>
    <dgm:cxn modelId="{338C95EA-2255-4CCE-AEB6-046713EA4515}" type="presParOf" srcId="{2D14198B-D008-4098-9105-132344CF092A}" destId="{0FEDFB5F-4312-498B-BF8E-65224C2486A5}" srcOrd="21" destOrd="0" presId="urn:microsoft.com/office/officeart/2005/8/layout/list1"/>
    <dgm:cxn modelId="{8596E757-4539-4C00-B640-2E31C078DDFC}" type="presParOf" srcId="{2D14198B-D008-4098-9105-132344CF092A}" destId="{E51AE9E0-BD2E-4EC1-8F2F-7585309C2349}" srcOrd="22" destOrd="0" presId="urn:microsoft.com/office/officeart/2005/8/layout/list1"/>
    <dgm:cxn modelId="{E8859181-AFE5-4F66-848F-6172215F58AA}" type="presParOf" srcId="{2D14198B-D008-4098-9105-132344CF092A}" destId="{B9C9CBE4-1A7B-47F7-B5C7-58D31ABA76D0}" srcOrd="23" destOrd="0" presId="urn:microsoft.com/office/officeart/2005/8/layout/list1"/>
    <dgm:cxn modelId="{97FEB8CE-6ED8-4A20-B241-74519E3EF870}" type="presParOf" srcId="{2D14198B-D008-4098-9105-132344CF092A}" destId="{1C551CE4-165A-41A2-997F-29FC8C3BF42A}" srcOrd="24" destOrd="0" presId="urn:microsoft.com/office/officeart/2005/8/layout/list1"/>
    <dgm:cxn modelId="{D84E170F-3FD6-443E-A1CA-38416EFDCF9B}" type="presParOf" srcId="{1C551CE4-165A-41A2-997F-29FC8C3BF42A}" destId="{2CABE1A7-DD98-4C84-A3A5-774A4785CDBB}" srcOrd="0" destOrd="0" presId="urn:microsoft.com/office/officeart/2005/8/layout/list1"/>
    <dgm:cxn modelId="{4D7FD3E5-6F0D-4C5E-ACBD-615A6F9457C4}" type="presParOf" srcId="{1C551CE4-165A-41A2-997F-29FC8C3BF42A}" destId="{FBB91F28-356C-4353-8F64-2C112883EAB4}" srcOrd="1" destOrd="0" presId="urn:microsoft.com/office/officeart/2005/8/layout/list1"/>
    <dgm:cxn modelId="{1D3FEB68-BD4E-4DE8-9E16-CA25B867745C}" type="presParOf" srcId="{2D14198B-D008-4098-9105-132344CF092A}" destId="{5BFDE4F5-E565-4BDD-B14C-80E790002C40}" srcOrd="25" destOrd="0" presId="urn:microsoft.com/office/officeart/2005/8/layout/list1"/>
    <dgm:cxn modelId="{54A138E3-0076-43E2-9751-6DCE3DCAC44D}" type="presParOf" srcId="{2D14198B-D008-4098-9105-132344CF092A}" destId="{6CC89DBB-6316-4C10-9980-7A63146A4229}" srcOrd="26" destOrd="0" presId="urn:microsoft.com/office/officeart/2005/8/layout/list1"/>
    <dgm:cxn modelId="{272C306C-53D6-4E58-9157-E7A49563F34E}" type="presParOf" srcId="{2D14198B-D008-4098-9105-132344CF092A}" destId="{BF614B68-4DB5-4BA9-82E7-B38522A6C71D}" srcOrd="27" destOrd="0" presId="urn:microsoft.com/office/officeart/2005/8/layout/list1"/>
    <dgm:cxn modelId="{E3382F72-70D7-48FC-B776-08DA9B907034}" type="presParOf" srcId="{2D14198B-D008-4098-9105-132344CF092A}" destId="{B42A6D5A-FEE2-43AF-91A7-DEAD9F0F5BC3}" srcOrd="28" destOrd="0" presId="urn:microsoft.com/office/officeart/2005/8/layout/list1"/>
    <dgm:cxn modelId="{41FE45B3-D4F2-498D-8C38-D5EDFF29A7CC}" type="presParOf" srcId="{B42A6D5A-FEE2-43AF-91A7-DEAD9F0F5BC3}" destId="{7A0F4F83-A1E0-4983-8F92-FD2E43430896}" srcOrd="0" destOrd="0" presId="urn:microsoft.com/office/officeart/2005/8/layout/list1"/>
    <dgm:cxn modelId="{12E7A863-D1B5-4090-B4E9-14386A81CCA0}" type="presParOf" srcId="{B42A6D5A-FEE2-43AF-91A7-DEAD9F0F5BC3}" destId="{C41B2696-4B9A-42DF-A5A3-96F86EBA5122}" srcOrd="1" destOrd="0" presId="urn:microsoft.com/office/officeart/2005/8/layout/list1"/>
    <dgm:cxn modelId="{2F17569A-6149-47C4-A44C-CEF0900FFA82}" type="presParOf" srcId="{2D14198B-D008-4098-9105-132344CF092A}" destId="{44A32476-5BAA-4E0C-BE7F-B748E02CE023}" srcOrd="29" destOrd="0" presId="urn:microsoft.com/office/officeart/2005/8/layout/list1"/>
    <dgm:cxn modelId="{B1FCC496-5010-45C0-920B-9B4EA48D9E8A}" type="presParOf" srcId="{2D14198B-D008-4098-9105-132344CF092A}" destId="{F3BA870F-32A9-4DEF-BA60-F359AAC3CA54}" srcOrd="3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4B773F-04FC-4598-872F-BF095E7D8D6A}">
      <dsp:nvSpPr>
        <dsp:cNvPr id="0" name=""/>
        <dsp:cNvSpPr/>
      </dsp:nvSpPr>
      <dsp:spPr>
        <a:xfrm>
          <a:off x="0" y="27829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0D25A9-8ED0-4D92-B0AD-ADE0C09D6357}">
      <dsp:nvSpPr>
        <dsp:cNvPr id="0" name=""/>
        <dsp:cNvSpPr/>
      </dsp:nvSpPr>
      <dsp:spPr>
        <a:xfrm>
          <a:off x="377698" y="86416"/>
          <a:ext cx="5287772" cy="38376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CDR RODEL G BARRACA PN</a:t>
          </a:r>
          <a:endParaRPr lang="en-PH" sz="1300" kern="1200" dirty="0"/>
        </a:p>
      </dsp:txBody>
      <dsp:txXfrm>
        <a:off x="396432" y="105150"/>
        <a:ext cx="5250304" cy="346292"/>
      </dsp:txXfrm>
    </dsp:sp>
    <dsp:sp modelId="{F9214388-70B1-4421-B31B-D8CB74CC6827}">
      <dsp:nvSpPr>
        <dsp:cNvPr id="0" name=""/>
        <dsp:cNvSpPr/>
      </dsp:nvSpPr>
      <dsp:spPr>
        <a:xfrm>
          <a:off x="0" y="86797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B4094C9-8122-42A4-8E06-255DABE99573}">
      <dsp:nvSpPr>
        <dsp:cNvPr id="0" name=""/>
        <dsp:cNvSpPr/>
      </dsp:nvSpPr>
      <dsp:spPr>
        <a:xfrm>
          <a:off x="377698" y="676096"/>
          <a:ext cx="5287772" cy="38376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 ROSELYN P GONZALES PN</a:t>
          </a:r>
          <a:endParaRPr lang="en-PH" sz="1300" kern="1200" dirty="0"/>
        </a:p>
      </dsp:txBody>
      <dsp:txXfrm>
        <a:off x="396432" y="694830"/>
        <a:ext cx="5250304" cy="346292"/>
      </dsp:txXfrm>
    </dsp:sp>
    <dsp:sp modelId="{6A53A531-72EB-4B24-90F0-7BD211C0DA9E}">
      <dsp:nvSpPr>
        <dsp:cNvPr id="0" name=""/>
        <dsp:cNvSpPr/>
      </dsp:nvSpPr>
      <dsp:spPr>
        <a:xfrm>
          <a:off x="0" y="145765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A8E03CC-D339-45D5-8FDC-899C3C28637B}">
      <dsp:nvSpPr>
        <dsp:cNvPr id="0" name=""/>
        <dsp:cNvSpPr/>
      </dsp:nvSpPr>
      <dsp:spPr>
        <a:xfrm>
          <a:off x="377698" y="1265776"/>
          <a:ext cx="5287772" cy="38376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 MARIO T TRIBUNAL PN</a:t>
          </a:r>
          <a:endParaRPr lang="en-PH" sz="1300" kern="1200" dirty="0"/>
        </a:p>
      </dsp:txBody>
      <dsp:txXfrm>
        <a:off x="396432" y="1284510"/>
        <a:ext cx="5250304" cy="346292"/>
      </dsp:txXfrm>
    </dsp:sp>
    <dsp:sp modelId="{ED0574E9-429A-496E-AC77-A009FD49DCAF}">
      <dsp:nvSpPr>
        <dsp:cNvPr id="0" name=""/>
        <dsp:cNvSpPr/>
      </dsp:nvSpPr>
      <dsp:spPr>
        <a:xfrm>
          <a:off x="0" y="204733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2FD499D-FBDF-4E4D-9996-403DF41ABBFC}">
      <dsp:nvSpPr>
        <dsp:cNvPr id="0" name=""/>
        <dsp:cNvSpPr/>
      </dsp:nvSpPr>
      <dsp:spPr>
        <a:xfrm>
          <a:off x="377698" y="1855456"/>
          <a:ext cx="5287772" cy="38376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 EDRYAN JOHN M DEQUILLA PN</a:t>
          </a:r>
          <a:endParaRPr lang="en-PH" sz="1300" kern="1200" dirty="0"/>
        </a:p>
      </dsp:txBody>
      <dsp:txXfrm>
        <a:off x="396432" y="1874190"/>
        <a:ext cx="5250304" cy="346292"/>
      </dsp:txXfrm>
    </dsp:sp>
    <dsp:sp modelId="{8A22EA03-525D-4799-BBB2-52F65384697A}">
      <dsp:nvSpPr>
        <dsp:cNvPr id="0" name=""/>
        <dsp:cNvSpPr/>
      </dsp:nvSpPr>
      <dsp:spPr>
        <a:xfrm>
          <a:off x="0" y="263701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2E71380-23C8-4CE3-A91F-C223DA5F27F1}">
      <dsp:nvSpPr>
        <dsp:cNvPr id="0" name=""/>
        <dsp:cNvSpPr/>
      </dsp:nvSpPr>
      <dsp:spPr>
        <a:xfrm>
          <a:off x="377698" y="2445136"/>
          <a:ext cx="5287772" cy="38376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 JOMAR M WELBA PN</a:t>
          </a:r>
          <a:endParaRPr lang="en-PH" sz="1300" kern="1200" dirty="0"/>
        </a:p>
      </dsp:txBody>
      <dsp:txXfrm>
        <a:off x="396432" y="2463870"/>
        <a:ext cx="5250304" cy="346292"/>
      </dsp:txXfrm>
    </dsp:sp>
    <dsp:sp modelId="{E51AE9E0-BD2E-4EC1-8F2F-7585309C2349}">
      <dsp:nvSpPr>
        <dsp:cNvPr id="0" name=""/>
        <dsp:cNvSpPr/>
      </dsp:nvSpPr>
      <dsp:spPr>
        <a:xfrm>
          <a:off x="0" y="322669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57F4663-E03C-4D55-B2C6-341F6D3760DB}">
      <dsp:nvSpPr>
        <dsp:cNvPr id="0" name=""/>
        <dsp:cNvSpPr/>
      </dsp:nvSpPr>
      <dsp:spPr>
        <a:xfrm>
          <a:off x="377698" y="3034816"/>
          <a:ext cx="5287772" cy="38376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JG JANRYLL T SARON PN</a:t>
          </a:r>
          <a:endParaRPr lang="en-PH" sz="1300" kern="1200" dirty="0"/>
        </a:p>
      </dsp:txBody>
      <dsp:txXfrm>
        <a:off x="396432" y="3053550"/>
        <a:ext cx="5250304" cy="346292"/>
      </dsp:txXfrm>
    </dsp:sp>
    <dsp:sp modelId="{6CC89DBB-6316-4C10-9980-7A63146A4229}">
      <dsp:nvSpPr>
        <dsp:cNvPr id="0" name=""/>
        <dsp:cNvSpPr/>
      </dsp:nvSpPr>
      <dsp:spPr>
        <a:xfrm>
          <a:off x="0" y="381637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BB91F28-356C-4353-8F64-2C112883EAB4}">
      <dsp:nvSpPr>
        <dsp:cNvPr id="0" name=""/>
        <dsp:cNvSpPr/>
      </dsp:nvSpPr>
      <dsp:spPr>
        <a:xfrm>
          <a:off x="377698" y="3624496"/>
          <a:ext cx="5287772" cy="38376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LTJG MICHELLE B YU PN</a:t>
          </a:r>
          <a:endParaRPr lang="en-PH" sz="1300" kern="1200" dirty="0"/>
        </a:p>
      </dsp:txBody>
      <dsp:txXfrm>
        <a:off x="396432" y="3643230"/>
        <a:ext cx="5250304" cy="346292"/>
      </dsp:txXfrm>
    </dsp:sp>
    <dsp:sp modelId="{F3BA870F-32A9-4DEF-BA60-F359AAC3CA54}">
      <dsp:nvSpPr>
        <dsp:cNvPr id="0" name=""/>
        <dsp:cNvSpPr/>
      </dsp:nvSpPr>
      <dsp:spPr>
        <a:xfrm>
          <a:off x="0" y="4406056"/>
          <a:ext cx="7553960" cy="32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41B2696-4B9A-42DF-A5A3-96F86EBA5122}">
      <dsp:nvSpPr>
        <dsp:cNvPr id="0" name=""/>
        <dsp:cNvSpPr/>
      </dsp:nvSpPr>
      <dsp:spPr>
        <a:xfrm>
          <a:off x="377698" y="4214176"/>
          <a:ext cx="5287772" cy="38376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865" tIns="0" rIns="199865" bIns="0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300" kern="1200" dirty="0"/>
            <a:t>Mr. NELSON G MALIGRO </a:t>
          </a:r>
          <a:r>
            <a:rPr lang="en-US" sz="1300" kern="1200" dirty="0" err="1"/>
            <a:t>CivHR</a:t>
          </a:r>
          <a:endParaRPr lang="en-PH" sz="1300" kern="1200" dirty="0"/>
        </a:p>
      </dsp:txBody>
      <dsp:txXfrm>
        <a:off x="396432" y="4232910"/>
        <a:ext cx="5250304" cy="34629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84DA70-C731-4C70-880D-CCD4705E623C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93072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6E202-B606-4609-B914-27C9371A1F6D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2916442"/>
      </p:ext>
    </p:extLst>
  </p:cSld>
  <p:clrMapOvr>
    <a:masterClrMapping/>
  </p:clrMapOvr>
  <p:hf sldNum="0"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6E202-B606-4609-B914-27C9371A1F6D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9985526"/>
      </p:ext>
    </p:extLst>
  </p:cSld>
  <p:clrMapOvr>
    <a:masterClrMapping/>
  </p:clrMapOvr>
  <p:hf sldNum="0"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193964"/>
            <a:ext cx="10058400" cy="595275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97280" y="979055"/>
            <a:ext cx="10058400" cy="4890038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54D8B55-9EA8-4B81-8E84-9B93B0A27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E1D723-8F53-4F53-90B0-1982A396982E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62CA021-2578-47CB-822C-BDDFF7223B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4AAB51D-4141-4682-9375-DAFD5FB9DD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4014A7B-8AA1-46B7-95F4-E2AB1196113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3011488" y="1606550"/>
            <a:ext cx="914400" cy="914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H"/>
          </a:p>
        </p:txBody>
      </p:sp>
    </p:spTree>
    <p:extLst>
      <p:ext uri="{BB962C8B-B14F-4D97-AF65-F5344CB8AC3E}">
        <p14:creationId xmlns:p14="http://schemas.microsoft.com/office/powerpoint/2010/main" val="32208572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6E202-B606-4609-B914-27C9371A1F6D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80976"/>
      </p:ext>
    </p:extLst>
  </p:cSld>
  <p:clrMapOvr>
    <a:masterClrMapping/>
  </p:clrMapOvr>
  <p:hf sldNum="0"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69AF7-7BEB-44E4-9852-375E34362B5B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5408118-7026-42BD-91E8-47E5F4CE22B9}"/>
              </a:ext>
            </a:extLst>
          </p:cNvPr>
          <p:cNvSpPr/>
          <p:nvPr userDrawn="1"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rgbClr val="2626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19221028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AC38D-0552-4C82-B593-E6124DFADBE2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23248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DF0F1C-5577-4ACB-BB62-DF8F3C494C7E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4965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75B394-D9F9-4F0C-B15D-605F45CB9E9F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46091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667345-2558-425A-8533-9BFDBCE15005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81852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BEA474-078D-4E9B-9B14-09A87B19DC46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21956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07D986-8816-4272-A432-0437A28A9828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39032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43737"/>
            <a:ext cx="10515600" cy="67858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2D6E202-B606-4609-B914-27C9371A1F6D}" type="datetime1">
              <a:rPr lang="en-US" smtClean="0"/>
              <a:t>4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94AB8BF-2EDD-4D64-AE4F-8D079A2150B8}"/>
              </a:ext>
            </a:extLst>
          </p:cNvPr>
          <p:cNvCxnSpPr/>
          <p:nvPr userDrawn="1"/>
        </p:nvCxnSpPr>
        <p:spPr>
          <a:xfrm>
            <a:off x="838200" y="812800"/>
            <a:ext cx="10515600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87004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  <p:sldLayoutId id="2147483682" r:id="rId12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slideLayout" Target="../slideLayouts/slideLayout12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close up of a piece of paper with a pencil laying on top">
            <a:extLst>
              <a:ext uri="{FF2B5EF4-FFF2-40B4-BE49-F238E27FC236}">
                <a16:creationId xmlns:a16="http://schemas.microsoft.com/office/drawing/2014/main" id="{65810330-F0B5-43C9-BC34-094FFB5C052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0" y="-1"/>
            <a:ext cx="12191980" cy="628072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AB2EA78-AEB3-469B-9025-3B17201A457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541525" y="834047"/>
            <a:ext cx="3214307" cy="2901694"/>
          </a:xfrm>
        </p:spPr>
        <p:txBody>
          <a:bodyPr anchor="b">
            <a:normAutofit/>
          </a:bodyPr>
          <a:lstStyle/>
          <a:p>
            <a:pPr algn="l"/>
            <a:r>
              <a:rPr lang="en-US" sz="6600" b="1" dirty="0">
                <a:solidFill>
                  <a:schemeClr val="bg1"/>
                </a:solidFill>
              </a:rPr>
              <a:t>Access Control Policy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55E1F2F-E259-4EA8-9FFD-3A10AF54185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665932" y="3729463"/>
            <a:ext cx="3205640" cy="774186"/>
          </a:xfrm>
        </p:spPr>
        <p:txBody>
          <a:bodyPr anchor="t">
            <a:normAutofit/>
          </a:bodyPr>
          <a:lstStyle/>
          <a:p>
            <a:pPr algn="l">
              <a:lnSpc>
                <a:spcPct val="100000"/>
              </a:lnSpc>
            </a:pPr>
            <a:r>
              <a:rPr lang="en-US" dirty="0">
                <a:solidFill>
                  <a:schemeClr val="bg1"/>
                </a:solidFill>
              </a:rPr>
              <a:t>NICTC-N6</a:t>
            </a:r>
          </a:p>
        </p:txBody>
      </p:sp>
    </p:spTree>
    <p:extLst>
      <p:ext uri="{BB962C8B-B14F-4D97-AF65-F5344CB8AC3E}">
        <p14:creationId xmlns:p14="http://schemas.microsoft.com/office/powerpoint/2010/main" val="1931439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E0237E-8D6C-46C5-8C8A-73A1A0BAEF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8808" y="295560"/>
            <a:ext cx="10058400" cy="595275"/>
          </a:xfrm>
        </p:spPr>
        <p:txBody>
          <a:bodyPr/>
          <a:lstStyle/>
          <a:p>
            <a:r>
              <a:rPr lang="en-US" dirty="0"/>
              <a:t>Technical Working Group</a:t>
            </a:r>
            <a:endParaRPr lang="en-PH" dirty="0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E732FFF-7871-45C2-BD5A-D1DF9004B8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06088313"/>
              </p:ext>
            </p:extLst>
          </p:nvPr>
        </p:nvGraphicFramePr>
        <p:xfrm>
          <a:off x="1803400" y="1018963"/>
          <a:ext cx="7553960" cy="48200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958397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AC86D3-8FD1-4F47-A319-7D0542E48B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9570" y="333554"/>
            <a:ext cx="10058400" cy="543901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dirty="0"/>
              <a:t>Policy Development Plan </a:t>
            </a: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36C3B1BF-F70D-41D8-BF0F-E77582D2013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17572332"/>
              </p:ext>
            </p:extLst>
          </p:nvPr>
        </p:nvGraphicFramePr>
        <p:xfrm>
          <a:off x="623454" y="989629"/>
          <a:ext cx="10945092" cy="514844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625273">
                  <a:extLst>
                    <a:ext uri="{9D8B030D-6E8A-4147-A177-3AD203B41FA5}">
                      <a16:colId xmlns:a16="http://schemas.microsoft.com/office/drawing/2014/main" val="2330847143"/>
                    </a:ext>
                  </a:extLst>
                </a:gridCol>
                <a:gridCol w="3671455">
                  <a:extLst>
                    <a:ext uri="{9D8B030D-6E8A-4147-A177-3AD203B41FA5}">
                      <a16:colId xmlns:a16="http://schemas.microsoft.com/office/drawing/2014/main" val="2430889325"/>
                    </a:ext>
                  </a:extLst>
                </a:gridCol>
                <a:gridCol w="3648364">
                  <a:extLst>
                    <a:ext uri="{9D8B030D-6E8A-4147-A177-3AD203B41FA5}">
                      <a16:colId xmlns:a16="http://schemas.microsoft.com/office/drawing/2014/main" val="3482073107"/>
                    </a:ext>
                  </a:extLst>
                </a:gridCol>
              </a:tblGrid>
              <a:tr h="180000">
                <a:tc>
                  <a:txBody>
                    <a:bodyPr/>
                    <a:lstStyle/>
                    <a:p>
                      <a:pPr algn="ctr"/>
                      <a:r>
                        <a:rPr lang="en-US" sz="1900" b="0" cap="all" spc="150" dirty="0">
                          <a:solidFill>
                            <a:schemeClr val="lt1"/>
                          </a:solidFill>
                        </a:rPr>
                        <a:t>Development planning</a:t>
                      </a:r>
                    </a:p>
                  </a:txBody>
                  <a:tcPr marL="151061" marR="151061" marT="151061" marB="151061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cap="all" spc="150" dirty="0">
                          <a:solidFill>
                            <a:schemeClr val="lt1"/>
                          </a:solidFill>
                        </a:rPr>
                        <a:t>Document development</a:t>
                      </a:r>
                    </a:p>
                  </a:txBody>
                  <a:tcPr marL="151061" marR="151061" marT="151061" marB="151061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cap="all" spc="150" dirty="0">
                          <a:solidFill>
                            <a:schemeClr val="lt1"/>
                          </a:solidFill>
                        </a:rPr>
                        <a:t>After development</a:t>
                      </a:r>
                    </a:p>
                  </a:txBody>
                  <a:tcPr marL="151061" marR="151061" marT="151061" marB="151061" anchor="ctr"/>
                </a:tc>
                <a:extLst>
                  <a:ext uri="{0D108BD9-81ED-4DB2-BD59-A6C34878D82A}">
                    <a16:rowId xmlns:a16="http://schemas.microsoft.com/office/drawing/2014/main" val="1535877758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termine Policy Requirements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/>
                      </a:pPr>
                      <a:r>
                        <a:rPr lang="en-PH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lect Key Topics Area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Supporting Standards/Procedure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4117290781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2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larify Terms (Policy, Standard, Procedure)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2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a Standard Policy Template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2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ment Self-Assessment Questionnaire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243735072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3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larify Project Roles and Responsibilities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3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First Draft of Policy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3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Revised User ID form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231336684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4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Identify Key Stakeholders (Reviewers)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4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view by Stakehol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4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Policy Compliance Agreement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646192652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5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repare Development Memo (Presentation)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5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pdate draft based on comment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5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chedule Review and Update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920739377"/>
                  </a:ext>
                </a:extLst>
              </a:tr>
              <a:tr h="176722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6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ather Key Reference Materials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6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inal Approval by Stakeholder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6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stribute Policies to Target User Group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56658916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7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Interview Stakeholders for Requirements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7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pproval by Senior Management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7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alidate User Understanding of Policie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37043449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8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stablish Target Policy Audience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8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ublish to Intranet/CMS/Other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8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rovide Security Awareness Training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3342116873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9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stablish a Governance Structure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9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pdate in Document Management System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marL="228600" indent="-228600" algn="l" fontAlgn="b">
                        <a:buFont typeface="+mj-lt"/>
                        <a:buAutoNum type="arabicPeriod" startAt="9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velop Application-Specific Standards/Policies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356303900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10"/>
                      </a:pPr>
                      <a:r>
                        <a:rPr lang="en-PH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stablish Policy Compliance Approval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endParaRPr lang="en-PH" sz="1600"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PH" sz="1600" dirty="0">
                        <a:latin typeface="+mn-lt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57161435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pPr marL="360363" indent="-360363" algn="l" fontAlgn="b">
                        <a:buFont typeface="+mj-lt"/>
                        <a:buAutoNum type="arabicPeriod" startAt="11"/>
                      </a:pP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termine Policy Material Distribution Channels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endParaRPr lang="en-PH" sz="1600"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PH" sz="1600" dirty="0">
                        <a:latin typeface="+mn-lt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261438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335143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E0237E-8D6C-46C5-8C8A-73A1A0BAEF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8808" y="295560"/>
            <a:ext cx="10058400" cy="595275"/>
          </a:xfrm>
        </p:spPr>
        <p:txBody>
          <a:bodyPr/>
          <a:lstStyle/>
          <a:p>
            <a:r>
              <a:rPr lang="en-US" dirty="0"/>
              <a:t>Timeline</a:t>
            </a:r>
            <a:endParaRPr lang="en-PH" dirty="0"/>
          </a:p>
        </p:txBody>
      </p: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AF307119-53D6-4680-9FB1-C268C03A5197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5499" y="975012"/>
            <a:ext cx="10489045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imescaleInterval1">
            <a:extLst>
              <a:ext uri="{FF2B5EF4-FFF2-40B4-BE49-F238E27FC236}">
                <a16:creationId xmlns:a16="http://schemas.microsoft.com/office/drawing/2014/main" id="{052D9617-BA4F-4661-A568-C244E146406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007057" y="1072484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April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7F3C16CB-5588-4B61-8710-DB047D3E842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4540374" y="107248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7">
            <a:extLst>
              <a:ext uri="{FF2B5EF4-FFF2-40B4-BE49-F238E27FC236}">
                <a16:creationId xmlns:a16="http://schemas.microsoft.com/office/drawing/2014/main" id="{761A77FC-D8C7-492F-8C31-26139B939316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56570" y="1072484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ne</a:t>
            </a:r>
          </a:p>
        </p:txBody>
      </p: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3BCB6A5B-0C14-4FBE-B3B0-A579254C2F1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8471587" y="106895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ly</a:t>
            </a:r>
          </a:p>
        </p:txBody>
      </p:sp>
      <p:cxnSp>
        <p:nvCxnSpPr>
          <p:cNvPr id="21" name="OTLSHAPE_TB_00000000000000000000000000000000_Separator3">
            <a:extLst>
              <a:ext uri="{FF2B5EF4-FFF2-40B4-BE49-F238E27FC236}">
                <a16:creationId xmlns:a16="http://schemas.microsoft.com/office/drawing/2014/main" id="{FCE34D46-DEAB-4AB4-A1B9-D92D37B0CF8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76789" y="1013112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6">
            <a:extLst>
              <a:ext uri="{FF2B5EF4-FFF2-40B4-BE49-F238E27FC236}">
                <a16:creationId xmlns:a16="http://schemas.microsoft.com/office/drawing/2014/main" id="{A4A179D1-1344-4BEA-BC42-75A959E51B7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762978" y="1013112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_7c518fb37f2142bb8e0445920d0403b5_Shape">
            <a:extLst>
              <a:ext uri="{FF2B5EF4-FFF2-40B4-BE49-F238E27FC236}">
                <a16:creationId xmlns:a16="http://schemas.microsoft.com/office/drawing/2014/main" id="{CA2B40AC-F2CD-4CD2-95B9-D511F60E610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469572" y="1681174"/>
            <a:ext cx="685799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/>
          </a:p>
        </p:txBody>
      </p:sp>
      <p:sp>
        <p:nvSpPr>
          <p:cNvPr id="30" name="OTLSHAPE_T_06a6a20021ea4acdac20b41f7b37b0dd_Shape">
            <a:extLst>
              <a:ext uri="{FF2B5EF4-FFF2-40B4-BE49-F238E27FC236}">
                <a16:creationId xmlns:a16="http://schemas.microsoft.com/office/drawing/2014/main" id="{97857F07-BDE0-47F1-9400-7F991F5671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797550" y="1787812"/>
            <a:ext cx="85902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7c518fb37f2142bb8e0445920d0403b5_Title">
            <a:extLst>
              <a:ext uri="{FF2B5EF4-FFF2-40B4-BE49-F238E27FC236}">
                <a16:creationId xmlns:a16="http://schemas.microsoft.com/office/drawing/2014/main" id="{FE4015C2-C29A-44C8-96AD-CD46EFD1174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563648" y="1929193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1. Determine Policy Requirements</a:t>
            </a:r>
          </a:p>
        </p:txBody>
      </p:sp>
      <p:sp>
        <p:nvSpPr>
          <p:cNvPr id="33" name="OTLSHAPE_T_7c518fb37f2142bb8e0445920d0403b5_JoinedDate">
            <a:extLst>
              <a:ext uri="{FF2B5EF4-FFF2-40B4-BE49-F238E27FC236}">
                <a16:creationId xmlns:a16="http://schemas.microsoft.com/office/drawing/2014/main" id="{78115E7A-7ADD-4D4A-975C-2469DD8E0AA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2563648" y="15213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23 Apr</a:t>
            </a:r>
          </a:p>
        </p:txBody>
      </p:sp>
      <p:sp>
        <p:nvSpPr>
          <p:cNvPr id="34" name="OTLSHAPE_T_be3ae38f60b3402d8a13f1e91eec41f5_Title">
            <a:extLst>
              <a:ext uri="{FF2B5EF4-FFF2-40B4-BE49-F238E27FC236}">
                <a16:creationId xmlns:a16="http://schemas.microsoft.com/office/drawing/2014/main" id="{C3B160FE-A870-4C0F-A75B-730F4F9D67C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066473" y="3665349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7. Interview Stakeholders for Requirements</a:t>
            </a:r>
          </a:p>
        </p:txBody>
      </p:sp>
      <p:sp>
        <p:nvSpPr>
          <p:cNvPr id="39" name="OTLSHAPE_T_06a6a20021ea4acdac20b41f7b37b0dd_JoinedDate">
            <a:extLst>
              <a:ext uri="{FF2B5EF4-FFF2-40B4-BE49-F238E27FC236}">
                <a16:creationId xmlns:a16="http://schemas.microsoft.com/office/drawing/2014/main" id="{BF3D60ED-5AAE-4FB3-8DE4-55CEA868F27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797550" y="159888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04 June</a:t>
            </a:r>
          </a:p>
        </p:txBody>
      </p:sp>
      <p:cxnSp>
        <p:nvCxnSpPr>
          <p:cNvPr id="61" name="OTLSHAPE_TB_00000000000000000000000000000000_Separator6">
            <a:extLst>
              <a:ext uri="{FF2B5EF4-FFF2-40B4-BE49-F238E27FC236}">
                <a16:creationId xmlns:a16="http://schemas.microsoft.com/office/drawing/2014/main" id="{A585B37D-B780-41C8-ACEB-0E148B92FCA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688760" y="1044801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_7c518fb37f2142bb8e0445920d0403b5_Title">
            <a:extLst>
              <a:ext uri="{FF2B5EF4-FFF2-40B4-BE49-F238E27FC236}">
                <a16:creationId xmlns:a16="http://schemas.microsoft.com/office/drawing/2014/main" id="{C914A8A2-2FA7-472C-B4BC-B551FD3A87D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563648" y="2136344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2. Clarify Terms (Policy, Standard, Procedure)</a:t>
            </a:r>
          </a:p>
        </p:txBody>
      </p:sp>
      <p:sp>
        <p:nvSpPr>
          <p:cNvPr id="63" name="OTLSHAPE_T_7c518fb37f2142bb8e0445920d0403b5_Title">
            <a:extLst>
              <a:ext uri="{FF2B5EF4-FFF2-40B4-BE49-F238E27FC236}">
                <a16:creationId xmlns:a16="http://schemas.microsoft.com/office/drawing/2014/main" id="{5839733E-9A96-43A4-BE3F-B42C16637EF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563648" y="2348482"/>
            <a:ext cx="22542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3. Clarify Project Roles and Responsibilities</a:t>
            </a:r>
          </a:p>
        </p:txBody>
      </p:sp>
      <p:sp>
        <p:nvSpPr>
          <p:cNvPr id="64" name="OTLSHAPE_T_7c518fb37f2142bb8e0445920d0403b5_Title">
            <a:extLst>
              <a:ext uri="{FF2B5EF4-FFF2-40B4-BE49-F238E27FC236}">
                <a16:creationId xmlns:a16="http://schemas.microsoft.com/office/drawing/2014/main" id="{B0E0DD2C-F1E7-49AC-A84C-A6ABD672D5E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563648" y="2554762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4. Identify Key Stakeholders</a:t>
            </a:r>
          </a:p>
        </p:txBody>
      </p:sp>
      <p:sp>
        <p:nvSpPr>
          <p:cNvPr id="65" name="OTLSHAPE_T_7c518fb37f2142bb8e0445920d0403b5_Title">
            <a:extLst>
              <a:ext uri="{FF2B5EF4-FFF2-40B4-BE49-F238E27FC236}">
                <a16:creationId xmlns:a16="http://schemas.microsoft.com/office/drawing/2014/main" id="{311F6BA0-EFC1-4182-BF5C-1012F05ED9C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563648" y="2761533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5. Prepare Development Memo</a:t>
            </a:r>
          </a:p>
        </p:txBody>
      </p:sp>
      <p:sp>
        <p:nvSpPr>
          <p:cNvPr id="66" name="OTLSHAPE_T_7c518fb37f2142bb8e0445920d0403b5_Title">
            <a:extLst>
              <a:ext uri="{FF2B5EF4-FFF2-40B4-BE49-F238E27FC236}">
                <a16:creationId xmlns:a16="http://schemas.microsoft.com/office/drawing/2014/main" id="{5D5562C6-4CB1-412B-A114-0A437A59D41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563648" y="2970607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6. Gather Key Reference Materials</a:t>
            </a:r>
          </a:p>
        </p:txBody>
      </p:sp>
      <p:sp>
        <p:nvSpPr>
          <p:cNvPr id="68" name="OTLSHAPE_T_7c518fb37f2142bb8e0445920d0403b5_JoinedDate">
            <a:extLst>
              <a:ext uri="{FF2B5EF4-FFF2-40B4-BE49-F238E27FC236}">
                <a16:creationId xmlns:a16="http://schemas.microsoft.com/office/drawing/2014/main" id="{5549BA0E-89A0-4133-9338-CD9D009CA78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5151" y="322616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30 Apr</a:t>
            </a:r>
          </a:p>
        </p:txBody>
      </p:sp>
      <p:sp>
        <p:nvSpPr>
          <p:cNvPr id="69" name="OTLSHAPE_T_be3ae38f60b3402d8a13f1e91eec41f5_Title">
            <a:extLst>
              <a:ext uri="{FF2B5EF4-FFF2-40B4-BE49-F238E27FC236}">
                <a16:creationId xmlns:a16="http://schemas.microsoft.com/office/drawing/2014/main" id="{5B364A9D-3DC4-4122-B992-DD4C8A80082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075151" y="3871629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8. Establish Target Policy Audience</a:t>
            </a:r>
          </a:p>
        </p:txBody>
      </p:sp>
      <p:sp>
        <p:nvSpPr>
          <p:cNvPr id="70" name="OTLSHAPE_T_be3ae38f60b3402d8a13f1e91eec41f5_Title">
            <a:extLst>
              <a:ext uri="{FF2B5EF4-FFF2-40B4-BE49-F238E27FC236}">
                <a16:creationId xmlns:a16="http://schemas.microsoft.com/office/drawing/2014/main" id="{DCC49AFB-E965-45AD-A2F6-28628854124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075151" y="4077909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9. Establish a Governance Structure</a:t>
            </a:r>
          </a:p>
        </p:txBody>
      </p:sp>
      <p:sp>
        <p:nvSpPr>
          <p:cNvPr id="71" name="OTLSHAPE_T_be3ae38f60b3402d8a13f1e91eec41f5_Title">
            <a:extLst>
              <a:ext uri="{FF2B5EF4-FFF2-40B4-BE49-F238E27FC236}">
                <a16:creationId xmlns:a16="http://schemas.microsoft.com/office/drawing/2014/main" id="{E4248E3F-2A8B-4D70-A0A5-61EF752F6B5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075151" y="4284189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10. Establish Policy Compliance Approval</a:t>
            </a:r>
          </a:p>
        </p:txBody>
      </p:sp>
      <p:sp>
        <p:nvSpPr>
          <p:cNvPr id="72" name="OTLSHAPE_T_be3ae38f60b3402d8a13f1e91eec41f5_Title">
            <a:extLst>
              <a:ext uri="{FF2B5EF4-FFF2-40B4-BE49-F238E27FC236}">
                <a16:creationId xmlns:a16="http://schemas.microsoft.com/office/drawing/2014/main" id="{C71401E8-4602-40EE-886E-363C220A771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075151" y="4468003"/>
            <a:ext cx="27937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11. Determine Policy Material Distribution Channels</a:t>
            </a:r>
          </a:p>
        </p:txBody>
      </p:sp>
      <p:sp>
        <p:nvSpPr>
          <p:cNvPr id="73" name="OTLSHAPE_T_7c518fb37f2142bb8e0445920d0403b5_Title">
            <a:extLst>
              <a:ext uri="{FF2B5EF4-FFF2-40B4-BE49-F238E27FC236}">
                <a16:creationId xmlns:a16="http://schemas.microsoft.com/office/drawing/2014/main" id="{9C3EE719-C9A8-4432-BF71-DCC256C95AA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579456" y="1697275"/>
            <a:ext cx="6858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75" name="OTLSHAPE_T_7c518fb37f2142bb8e0445920d0403b5_Shape">
            <a:extLst>
              <a:ext uri="{FF2B5EF4-FFF2-40B4-BE49-F238E27FC236}">
                <a16:creationId xmlns:a16="http://schemas.microsoft.com/office/drawing/2014/main" id="{CAC5E879-A1C2-49F3-870E-20D6B310F53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052220" y="3397401"/>
            <a:ext cx="472030" cy="225118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700" dirty="0"/>
          </a:p>
        </p:txBody>
      </p:sp>
      <p:sp>
        <p:nvSpPr>
          <p:cNvPr id="28" name="OTLSHAPE_T_be3ae38f60b3402d8a13f1e91eec41f5_Shape">
            <a:extLst>
              <a:ext uri="{FF2B5EF4-FFF2-40B4-BE49-F238E27FC236}">
                <a16:creationId xmlns:a16="http://schemas.microsoft.com/office/drawing/2014/main" id="{0D26C3E4-1D6B-434C-9118-85180C87E65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376788" y="3397401"/>
            <a:ext cx="472029" cy="225118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_7c518fb37f2142bb8e0445920d0403b5_Title">
            <a:extLst>
              <a:ext uri="{FF2B5EF4-FFF2-40B4-BE49-F238E27FC236}">
                <a16:creationId xmlns:a16="http://schemas.microsoft.com/office/drawing/2014/main" id="{30879CFF-E102-497A-8502-16346220998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210346" y="3415273"/>
            <a:ext cx="71089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76" name="OTLSHAPE_T_7c518fb37f2142bb8e0445920d0403b5_JoinedDate">
            <a:extLst>
              <a:ext uri="{FF2B5EF4-FFF2-40B4-BE49-F238E27FC236}">
                <a16:creationId xmlns:a16="http://schemas.microsoft.com/office/drawing/2014/main" id="{5A0A0018-AE30-4980-B223-8428B4DA465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854574" y="472655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07 May</a:t>
            </a:r>
          </a:p>
        </p:txBody>
      </p:sp>
      <p:sp>
        <p:nvSpPr>
          <p:cNvPr id="77" name="OTLSHAPE_T_be3ae38f60b3402d8a13f1e91eec41f5_Shape">
            <a:extLst>
              <a:ext uri="{FF2B5EF4-FFF2-40B4-BE49-F238E27FC236}">
                <a16:creationId xmlns:a16="http://schemas.microsoft.com/office/drawing/2014/main" id="{068CD2F5-5460-4AE4-BAAC-6BEF744ADEC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848818" y="4911507"/>
            <a:ext cx="969061" cy="225118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7c518fb37f2142bb8e0445920d0403b5_Title">
            <a:extLst>
              <a:ext uri="{FF2B5EF4-FFF2-40B4-BE49-F238E27FC236}">
                <a16:creationId xmlns:a16="http://schemas.microsoft.com/office/drawing/2014/main" id="{EC0B68BB-05D5-4D28-A548-A603D7C2D68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961980" y="4932203"/>
            <a:ext cx="80699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9" name="OTLSHAPE_T_be3ae38f60b3402d8a13f1e91eec41f5_Title">
            <a:extLst>
              <a:ext uri="{FF2B5EF4-FFF2-40B4-BE49-F238E27FC236}">
                <a16:creationId xmlns:a16="http://schemas.microsoft.com/office/drawing/2014/main" id="{BA698755-8D40-4496-A1F2-3DBC4A3160B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864601" y="5243287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1. Select Key Topics Criteria</a:t>
            </a:r>
          </a:p>
        </p:txBody>
      </p:sp>
      <p:sp>
        <p:nvSpPr>
          <p:cNvPr id="80" name="OTLSHAPE_T_be3ae38f60b3402d8a13f1e91eec41f5_Title">
            <a:extLst>
              <a:ext uri="{FF2B5EF4-FFF2-40B4-BE49-F238E27FC236}">
                <a16:creationId xmlns:a16="http://schemas.microsoft.com/office/drawing/2014/main" id="{44055D61-3F15-40A5-B1F8-8E7D3B10CB8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873279" y="5449567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2. Develop First Draft of Policy</a:t>
            </a:r>
          </a:p>
        </p:txBody>
      </p:sp>
      <p:sp>
        <p:nvSpPr>
          <p:cNvPr id="81" name="OTLSHAPE_T_be3ae38f60b3402d8a13f1e91eec41f5_Title">
            <a:extLst>
              <a:ext uri="{FF2B5EF4-FFF2-40B4-BE49-F238E27FC236}">
                <a16:creationId xmlns:a16="http://schemas.microsoft.com/office/drawing/2014/main" id="{85C549CF-479D-442B-92DC-6C4E79359B7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873279" y="5655847"/>
            <a:ext cx="24239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3. Review by Stakeholders</a:t>
            </a:r>
          </a:p>
        </p:txBody>
      </p:sp>
      <p:sp>
        <p:nvSpPr>
          <p:cNvPr id="82" name="OTLSHAPE_T_be3ae38f60b3402d8a13f1e91eec41f5_Title">
            <a:extLst>
              <a:ext uri="{FF2B5EF4-FFF2-40B4-BE49-F238E27FC236}">
                <a16:creationId xmlns:a16="http://schemas.microsoft.com/office/drawing/2014/main" id="{EC434872-F1F8-4EDC-BF3C-EF63AEF763B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17879" y="6334854"/>
            <a:ext cx="21641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4. Update Draft Based On Comments</a:t>
            </a:r>
          </a:p>
        </p:txBody>
      </p:sp>
      <p:sp>
        <p:nvSpPr>
          <p:cNvPr id="83" name="OTLSHAPE_T_7c518fb37f2142bb8e0445920d0403b5_JoinedDate">
            <a:extLst>
              <a:ext uri="{FF2B5EF4-FFF2-40B4-BE49-F238E27FC236}">
                <a16:creationId xmlns:a16="http://schemas.microsoft.com/office/drawing/2014/main" id="{5E7DDCEF-4ECB-4F30-B2C2-975117AA9F5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774729" y="584631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21 May</a:t>
            </a:r>
          </a:p>
        </p:txBody>
      </p:sp>
      <p:sp>
        <p:nvSpPr>
          <p:cNvPr id="84" name="OTLSHAPE_T_be3ae38f60b3402d8a13f1e91eec41f5_Shape">
            <a:extLst>
              <a:ext uri="{FF2B5EF4-FFF2-40B4-BE49-F238E27FC236}">
                <a16:creationId xmlns:a16="http://schemas.microsoft.com/office/drawing/2014/main" id="{27F28FE0-7371-4AC0-AF14-76DE4052805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768973" y="6031264"/>
            <a:ext cx="969061" cy="225118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7c518fb37f2142bb8e0445920d0403b5_Title">
            <a:extLst>
              <a:ext uri="{FF2B5EF4-FFF2-40B4-BE49-F238E27FC236}">
                <a16:creationId xmlns:a16="http://schemas.microsoft.com/office/drawing/2014/main" id="{5EEBA8D6-9A39-471D-8E6F-BEDB706B0DD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882135" y="6051960"/>
            <a:ext cx="80699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86" name="OTLSHAPE_T_7c518fb37f2142bb8e0445920d0403b5_Title">
            <a:extLst>
              <a:ext uri="{FF2B5EF4-FFF2-40B4-BE49-F238E27FC236}">
                <a16:creationId xmlns:a16="http://schemas.microsoft.com/office/drawing/2014/main" id="{B6F50CAC-46DD-4983-98FA-0975DC2EE9E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849272" y="1802758"/>
            <a:ext cx="80699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87" name="OTLSHAPE_T_be3ae38f60b3402d8a13f1e91eec41f5_Title">
            <a:extLst>
              <a:ext uri="{FF2B5EF4-FFF2-40B4-BE49-F238E27FC236}">
                <a16:creationId xmlns:a16="http://schemas.microsoft.com/office/drawing/2014/main" id="{F8F7D4FE-3F3B-41B0-91FA-DFF30C59EFF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817879" y="6506857"/>
            <a:ext cx="21641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5. Final Approval by Stakeholders</a:t>
            </a:r>
          </a:p>
        </p:txBody>
      </p:sp>
      <p:sp>
        <p:nvSpPr>
          <p:cNvPr id="88" name="OTLSHAPE_T_7c518fb37f2142bb8e0445920d0403b5_Title">
            <a:extLst>
              <a:ext uri="{FF2B5EF4-FFF2-40B4-BE49-F238E27FC236}">
                <a16:creationId xmlns:a16="http://schemas.microsoft.com/office/drawing/2014/main" id="{20043F82-2099-49C2-99CE-D140816468A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851605" y="2069484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60B078"/>
                </a:solidFill>
                <a:latin typeface="Calibri" panose="020F0502020204030204" pitchFamily="34" charset="0"/>
              </a:rPr>
              <a:t>1. Approval By Senior Management</a:t>
            </a:r>
          </a:p>
        </p:txBody>
      </p:sp>
      <p:sp>
        <p:nvSpPr>
          <p:cNvPr id="89" name="OTLSHAPE_T_7c518fb37f2142bb8e0445920d0403b5_Title">
            <a:extLst>
              <a:ext uri="{FF2B5EF4-FFF2-40B4-BE49-F238E27FC236}">
                <a16:creationId xmlns:a16="http://schemas.microsoft.com/office/drawing/2014/main" id="{01C5E1C9-158E-472F-826C-DF828936576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851605" y="2258374"/>
            <a:ext cx="189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60B078"/>
                </a:solidFill>
                <a:latin typeface="Calibri" panose="020F0502020204030204" pitchFamily="34" charset="0"/>
              </a:rPr>
              <a:t>2. Publication</a:t>
            </a:r>
          </a:p>
        </p:txBody>
      </p:sp>
      <p:sp>
        <p:nvSpPr>
          <p:cNvPr id="90" name="OTLSHAPE_T_06a6a20021ea4acdac20b41f7b37b0dd_Shape">
            <a:extLst>
              <a:ext uri="{FF2B5EF4-FFF2-40B4-BE49-F238E27FC236}">
                <a16:creationId xmlns:a16="http://schemas.microsoft.com/office/drawing/2014/main" id="{77D86600-6A76-4C58-91E0-138B9766476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315549" y="2712221"/>
            <a:ext cx="859020" cy="203200"/>
          </a:xfrm>
          <a:prstGeom prst="roundRect">
            <a:avLst>
              <a:gd name="adj" fmla="val 100000"/>
            </a:avLst>
          </a:prstGeom>
          <a:solidFill>
            <a:srgbClr val="FFCC2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T_7c518fb37f2142bb8e0445920d0403b5_Title">
            <a:extLst>
              <a:ext uri="{FF2B5EF4-FFF2-40B4-BE49-F238E27FC236}">
                <a16:creationId xmlns:a16="http://schemas.microsoft.com/office/drawing/2014/main" id="{FAE1F0C6-7508-4756-827F-D63FB299775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432054" y="2745171"/>
            <a:ext cx="80699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After </a:t>
            </a:r>
            <a:r>
              <a:rPr lang="en-US" sz="1050" b="1" spc="-8" dirty="0" err="1">
                <a:solidFill>
                  <a:schemeClr val="bg1"/>
                </a:solidFill>
                <a:latin typeface="Calibri" panose="020F0502020204030204" pitchFamily="34" charset="0"/>
              </a:rPr>
              <a:t>Dev’t</a:t>
            </a:r>
            <a:endParaRPr lang="en-US" sz="1050" b="1" spc="-8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06a6a20021ea4acdac20b41f7b37b0dd_JoinedDate">
            <a:extLst>
              <a:ext uri="{FF2B5EF4-FFF2-40B4-BE49-F238E27FC236}">
                <a16:creationId xmlns:a16="http://schemas.microsoft.com/office/drawing/2014/main" id="{F753B207-ED0A-4A2E-8BDB-35776C0C097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326810" y="254852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25 June</a:t>
            </a:r>
          </a:p>
        </p:txBody>
      </p:sp>
    </p:spTree>
    <p:extLst>
      <p:ext uri="{BB962C8B-B14F-4D97-AF65-F5344CB8AC3E}">
        <p14:creationId xmlns:p14="http://schemas.microsoft.com/office/powerpoint/2010/main" val="12821761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Ellipse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5T00:00:00.0000000Z"/>
  <p:tag name="OTLENDDATE" val="2021-08-01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5T00:00:00.0000000Z"/>
  <p:tag name="OTLENDDATE" val="2021-08-01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heme/theme1.xml><?xml version="1.0" encoding="utf-8"?>
<a:theme xmlns:a="http://schemas.openxmlformats.org/drawingml/2006/main" name="powerpoint-timeline-templat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71af3243-3dd4-4a8d-8c0d-dd76da1f02a5">Not started</Status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2" ma:contentTypeDescription="Create a new document." ma:contentTypeScope="" ma:versionID="a410dd7f93c95333ffa1b60ed6adedd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a936d9baba76aa3866493feff160faab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03EEFF0-FB57-4CB4-8BFC-DF397689E2ED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2.xml><?xml version="1.0" encoding="utf-8"?>
<ds:datastoreItem xmlns:ds="http://schemas.openxmlformats.org/officeDocument/2006/customXml" ds:itemID="{AA3F7EDC-E5B4-4BBC-9D2A-CBE6D46C37A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93932EF5-314F-409E-8020-FEE5FA0795B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owerpoint-timeline-template</Template>
  <TotalTime>88</TotalTime>
  <Words>329</Words>
  <Application>Microsoft Office PowerPoint</Application>
  <PresentationFormat>Widescreen</PresentationFormat>
  <Paragraphs>7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powerpoint-timeline-template</vt:lpstr>
      <vt:lpstr>Access Control Policy</vt:lpstr>
      <vt:lpstr>Technical Working Group</vt:lpstr>
      <vt:lpstr>Policy Development Plan </vt:lpstr>
      <vt:lpstr>Timelin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ccess Control Policy</dc:title>
  <dc:creator>Nelson Maligro</dc:creator>
  <cp:lastModifiedBy>Nelson Maligro</cp:lastModifiedBy>
  <cp:revision>10</cp:revision>
  <dcterms:created xsi:type="dcterms:W3CDTF">2021-04-24T12:12:41Z</dcterms:created>
  <dcterms:modified xsi:type="dcterms:W3CDTF">2021-04-24T13:4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